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ANGIO\07. SP + prílohy\"/>
    </mc:Choice>
  </mc:AlternateContent>
  <xr:revisionPtr revIDLastSave="0" documentId="13_ncr:1_{7B59EB6D-591C-4116-AB28-B6F3CF66796B}" xr6:coauthVersionLast="36" xr6:coauthVersionMax="36" xr10:uidLastSave="{00000000-0000-0000-0000-000000000000}"/>
  <bookViews>
    <workbookView xWindow="-120" yWindow="-120" windowWidth="24240" windowHeight="13140" tabRatio="936" activeTab="5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8" sheetId="209" r:id="rId5"/>
    <sheet name="Príloha č.9" sheetId="212" r:id="rId6"/>
  </sheets>
  <definedNames>
    <definedName name="_xlnm.Print_Area" localSheetId="0">'Príloha č. 1'!$B$1:$E$28</definedName>
    <definedName name="_xlnm.Print_Area" localSheetId="1">'Príloha č. 2'!$B$1:$E$30</definedName>
    <definedName name="_xlnm.Print_Area" localSheetId="2">'Príloha č. 3'!$B$1:$E$31</definedName>
    <definedName name="_xlnm.Print_Area" localSheetId="3">'Príloha č. 4 '!$B$1:$E$20</definedName>
    <definedName name="_xlnm.Print_Area" localSheetId="4">'Príloha č. 8'!$B$1:$G$30</definedName>
    <definedName name="_xlnm.Print_Area" localSheetId="5">'Príloha č.9'!$A$1:$H$3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209" l="1"/>
  <c r="B2" i="212"/>
  <c r="D26" i="212"/>
  <c r="D27" i="212"/>
  <c r="C17" i="208" l="1"/>
  <c r="C24" i="18"/>
  <c r="C16" i="208"/>
  <c r="C23" i="18"/>
  <c r="B2" i="208" l="1"/>
  <c r="C27" i="209" l="1"/>
  <c r="C26" i="209"/>
  <c r="D9" i="208"/>
  <c r="D8" i="208"/>
  <c r="D7" i="208"/>
  <c r="D6" i="208"/>
  <c r="D7" i="5"/>
  <c r="B2" i="18" l="1"/>
  <c r="D6" i="5" l="1"/>
  <c r="D9" i="18" l="1"/>
  <c r="D8" i="18"/>
  <c r="D7" i="18"/>
  <c r="D6" i="18"/>
  <c r="C22" i="5" l="1"/>
  <c r="C23" i="5"/>
  <c r="D9" i="5"/>
  <c r="D8" i="5"/>
  <c r="B2" i="5" l="1"/>
  <c r="E93" i="4" l="1"/>
</calcChain>
</file>

<file path=xl/sharedStrings.xml><?xml version="1.0" encoding="utf-8"?>
<sst xmlns="http://schemas.openxmlformats.org/spreadsheetml/2006/main" count="113" uniqueCount="63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P.č.</t>
  </si>
  <si>
    <t>Predmet subdodávky</t>
  </si>
  <si>
    <t>Časť č.</t>
  </si>
  <si>
    <t>Názov príslušnej časti predmetu zákazky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trebný zdravotnícky materiál a špeciálny zdravotnícky materiál pre intervenčnú angiológiu</t>
  </si>
  <si>
    <t>ČESTNÉ VYHLÁSENIE UCHÁDZAČA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0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b/>
      <u/>
      <sz val="9"/>
      <color rgb="FF00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4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17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2" fillId="0" borderId="0" xfId="0" applyFont="1"/>
    <xf numFmtId="49" fontId="1" fillId="0" borderId="0" xfId="0" applyNumberFormat="1" applyFont="1" applyAlignment="1">
      <alignment vertical="center"/>
    </xf>
    <xf numFmtId="14" fontId="1" fillId="0" borderId="0" xfId="0" applyNumberFormat="1" applyFont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Font="1" applyAlignment="1">
      <alignment horizontal="left" vertical="center" wrapText="1"/>
    </xf>
    <xf numFmtId="1" fontId="1" fillId="0" borderId="0" xfId="0" applyNumberFormat="1" applyFont="1" applyAlignment="1">
      <alignment horizontal="left" wrapText="1"/>
    </xf>
    <xf numFmtId="0" fontId="8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0" fillId="0" borderId="0" xfId="0" applyFont="1" applyAlignment="1">
      <alignment vertical="center" wrapText="1"/>
    </xf>
    <xf numFmtId="0" fontId="11" fillId="0" borderId="0" xfId="0" applyFont="1" applyAlignment="1">
      <alignment vertical="center" wrapText="1"/>
    </xf>
    <xf numFmtId="0" fontId="8" fillId="0" borderId="0" xfId="0" applyFont="1" applyAlignment="1">
      <alignment vertical="center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2" fillId="2" borderId="4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8" fillId="0" borderId="0" xfId="0" applyFont="1" applyAlignment="1">
      <alignment vertical="top" wrapText="1"/>
    </xf>
    <xf numFmtId="0" fontId="8" fillId="0" borderId="0" xfId="0" applyFont="1" applyAlignment="1">
      <alignment horizontal="left"/>
    </xf>
    <xf numFmtId="0" fontId="8" fillId="0" borderId="0" xfId="0" applyFont="1"/>
    <xf numFmtId="0" fontId="2" fillId="0" borderId="0" xfId="0" applyFont="1" applyAlignment="1">
      <alignment vertical="top" wrapText="1"/>
    </xf>
    <xf numFmtId="49" fontId="12" fillId="0" borderId="0" xfId="0" applyNumberFormat="1" applyFont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vertical="top" wrapText="1"/>
    </xf>
    <xf numFmtId="14" fontId="1" fillId="0" borderId="0" xfId="0" applyNumberFormat="1" applyFont="1" applyAlignment="1">
      <alignment vertical="top" wrapText="1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Font="1" applyAlignment="1">
      <alignment horizontal="left" vertical="center" wrapText="1"/>
    </xf>
    <xf numFmtId="14" fontId="2" fillId="0" borderId="0" xfId="5" applyNumberFormat="1" applyFont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5" fillId="0" borderId="0" xfId="6" applyFont="1" applyAlignment="1">
      <alignment wrapText="1"/>
    </xf>
    <xf numFmtId="0" fontId="17" fillId="0" borderId="0" xfId="6" applyFont="1" applyAlignment="1">
      <alignment horizontal="left" vertical="center" wrapText="1"/>
    </xf>
    <xf numFmtId="0" fontId="19" fillId="0" borderId="5" xfId="6" applyFont="1" applyBorder="1" applyAlignment="1">
      <alignment horizontal="center" vertical="top" wrapText="1"/>
    </xf>
    <xf numFmtId="0" fontId="19" fillId="0" borderId="7" xfId="6" applyFont="1" applyBorder="1" applyAlignment="1">
      <alignment horizontal="center" vertical="top" wrapText="1"/>
    </xf>
    <xf numFmtId="0" fontId="19" fillId="0" borderId="6" xfId="6" applyFont="1" applyBorder="1" applyAlignment="1">
      <alignment horizontal="center" vertical="top" wrapText="1"/>
    </xf>
    <xf numFmtId="0" fontId="19" fillId="0" borderId="22" xfId="6" applyFont="1" applyBorder="1" applyAlignment="1">
      <alignment horizontal="center" vertical="top" wrapText="1"/>
    </xf>
    <xf numFmtId="0" fontId="14" fillId="4" borderId="23" xfId="6" applyFont="1" applyFill="1" applyBorder="1" applyAlignment="1">
      <alignment horizontal="center" vertical="center" wrapText="1"/>
    </xf>
    <xf numFmtId="0" fontId="14" fillId="4" borderId="2" xfId="6" applyFont="1" applyFill="1" applyBorder="1" applyAlignment="1">
      <alignment horizontal="center" vertical="center" wrapText="1"/>
    </xf>
    <xf numFmtId="0" fontId="14" fillId="4" borderId="24" xfId="6" applyFont="1" applyFill="1" applyBorder="1" applyAlignment="1">
      <alignment horizontal="center" vertical="center" wrapText="1"/>
    </xf>
    <xf numFmtId="49" fontId="14" fillId="0" borderId="10" xfId="6" applyNumberFormat="1" applyFont="1" applyBorder="1" applyAlignment="1">
      <alignment horizontal="center" vertical="center" wrapText="1"/>
    </xf>
    <xf numFmtId="49" fontId="14" fillId="0" borderId="3" xfId="6" applyNumberFormat="1" applyFont="1" applyBorder="1" applyAlignment="1">
      <alignment horizontal="center" vertical="center" wrapText="1"/>
    </xf>
    <xf numFmtId="9" fontId="14" fillId="0" borderId="3" xfId="6" applyNumberFormat="1" applyFont="1" applyBorder="1" applyAlignment="1">
      <alignment horizontal="center" vertical="center" wrapText="1"/>
    </xf>
    <xf numFmtId="49" fontId="14" fillId="0" borderId="3" xfId="6" applyNumberFormat="1" applyFont="1" applyBorder="1" applyAlignment="1">
      <alignment horizontal="left" vertical="center" wrapText="1"/>
    </xf>
    <xf numFmtId="49" fontId="14" fillId="0" borderId="14" xfId="6" applyNumberFormat="1" applyFont="1" applyBorder="1" applyAlignment="1">
      <alignment horizontal="left" vertical="center" wrapText="1"/>
    </xf>
    <xf numFmtId="9" fontId="14" fillId="0" borderId="25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4" fillId="0" borderId="11" xfId="6" applyNumberFormat="1" applyFont="1" applyBorder="1" applyAlignment="1">
      <alignment horizontal="center" vertical="center" wrapText="1"/>
    </xf>
    <xf numFmtId="49" fontId="14" fillId="0" borderId="12" xfId="6" applyNumberFormat="1" applyFont="1" applyBorder="1" applyAlignment="1">
      <alignment horizontal="center" vertical="center" wrapText="1"/>
    </xf>
    <xf numFmtId="9" fontId="14" fillId="0" borderId="12" xfId="6" applyNumberFormat="1" applyFont="1" applyBorder="1" applyAlignment="1">
      <alignment horizontal="center" vertical="center" wrapText="1"/>
    </xf>
    <xf numFmtId="49" fontId="14" fillId="0" borderId="12" xfId="6" applyNumberFormat="1" applyFont="1" applyBorder="1" applyAlignment="1">
      <alignment horizontal="left" vertical="center" wrapText="1"/>
    </xf>
    <xf numFmtId="49" fontId="14" fillId="0" borderId="21" xfId="6" applyNumberFormat="1" applyFont="1" applyBorder="1" applyAlignment="1">
      <alignment horizontal="left" vertical="center" wrapText="1"/>
    </xf>
    <xf numFmtId="9" fontId="14" fillId="0" borderId="13" xfId="6" applyNumberFormat="1" applyFont="1" applyBorder="1" applyAlignment="1">
      <alignment horizontal="center" vertical="center" wrapText="1"/>
    </xf>
    <xf numFmtId="0" fontId="22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4" fillId="0" borderId="0" xfId="6" applyFont="1" applyAlignment="1">
      <alignment vertical="top" wrapText="1"/>
    </xf>
    <xf numFmtId="0" fontId="22" fillId="0" borderId="0" xfId="6" applyFont="1" applyAlignment="1">
      <alignment vertical="top" wrapText="1"/>
    </xf>
    <xf numFmtId="0" fontId="21" fillId="0" borderId="0" xfId="6" applyFont="1" applyAlignment="1">
      <alignment horizontal="left" vertical="top" wrapText="1"/>
    </xf>
    <xf numFmtId="0" fontId="14" fillId="0" borderId="0" xfId="6" applyFont="1" applyAlignment="1" applyProtection="1">
      <alignment wrapText="1"/>
      <protection locked="0"/>
    </xf>
    <xf numFmtId="0" fontId="14" fillId="0" borderId="0" xfId="6" applyFont="1" applyAlignment="1">
      <alignment wrapText="1"/>
    </xf>
    <xf numFmtId="0" fontId="1" fillId="0" borderId="0" xfId="6" applyFont="1"/>
    <xf numFmtId="0" fontId="14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49" fontId="2" fillId="2" borderId="2" xfId="6" applyNumberFormat="1" applyFont="1" applyFill="1" applyBorder="1" applyAlignment="1">
      <alignment wrapText="1"/>
    </xf>
    <xf numFmtId="0" fontId="1" fillId="3" borderId="0" xfId="0" applyFont="1" applyFill="1" applyAlignment="1">
      <alignment horizontal="center" vertical="top" wrapText="1"/>
    </xf>
    <xf numFmtId="0" fontId="18" fillId="0" borderId="0" xfId="6" applyFont="1" applyAlignment="1">
      <alignment horizontal="left" vertical="center" wrapText="1"/>
    </xf>
    <xf numFmtId="0" fontId="17" fillId="0" borderId="0" xfId="6" applyFont="1" applyAlignment="1">
      <alignment horizontal="left" vertical="center" wrapText="1"/>
    </xf>
    <xf numFmtId="0" fontId="1" fillId="0" borderId="0" xfId="7" applyFont="1" applyAlignment="1">
      <alignment wrapText="1"/>
    </xf>
    <xf numFmtId="0" fontId="6" fillId="0" borderId="0" xfId="7" applyFont="1" applyAlignment="1">
      <alignment wrapText="1"/>
    </xf>
    <xf numFmtId="0" fontId="11" fillId="0" borderId="0" xfId="7" applyFont="1" applyAlignment="1">
      <alignment vertical="center" wrapText="1"/>
    </xf>
    <xf numFmtId="0" fontId="13" fillId="0" borderId="0" xfId="7" applyFont="1" applyAlignment="1">
      <alignment horizontal="center" vertical="center" wrapText="1"/>
    </xf>
    <xf numFmtId="0" fontId="0" fillId="0" borderId="0" xfId="0" applyAlignment="1">
      <alignment vertical="center"/>
    </xf>
    <xf numFmtId="0" fontId="2" fillId="0" borderId="5" xfId="7" applyFont="1" applyBorder="1" applyAlignment="1">
      <alignment horizontal="center" vertical="center" wrapText="1"/>
    </xf>
    <xf numFmtId="0" fontId="24" fillId="2" borderId="2" xfId="7" applyFont="1" applyFill="1" applyBorder="1" applyAlignment="1">
      <alignment horizontal="center" vertical="center" wrapText="1"/>
    </xf>
    <xf numFmtId="49" fontId="1" fillId="0" borderId="33" xfId="7" applyNumberFormat="1" applyFont="1" applyBorder="1" applyAlignment="1">
      <alignment horizontal="center" vertical="center" wrapText="1"/>
    </xf>
    <xf numFmtId="49" fontId="1" fillId="0" borderId="10" xfId="7" applyNumberFormat="1" applyFont="1" applyBorder="1" applyAlignment="1">
      <alignment horizontal="center" vertical="center" wrapText="1"/>
    </xf>
    <xf numFmtId="49" fontId="1" fillId="0" borderId="40" xfId="7" applyNumberFormat="1" applyFont="1" applyBorder="1" applyAlignment="1">
      <alignment horizontal="center" vertical="center" wrapText="1"/>
    </xf>
    <xf numFmtId="0" fontId="1" fillId="0" borderId="0" xfId="7" applyFont="1"/>
    <xf numFmtId="0" fontId="17" fillId="0" borderId="0" xfId="6" applyFont="1" applyAlignment="1">
      <alignment horizontal="left" vertical="center" wrapText="1"/>
    </xf>
    <xf numFmtId="0" fontId="25" fillId="0" borderId="0" xfId="0" applyFont="1" applyAlignment="1">
      <alignment horizontal="left" vertical="center" wrapText="1"/>
    </xf>
    <xf numFmtId="0" fontId="13" fillId="0" borderId="0" xfId="7" applyFont="1" applyAlignment="1">
      <alignment horizontal="center" vertical="center" wrapText="1"/>
    </xf>
    <xf numFmtId="0" fontId="23" fillId="0" borderId="0" xfId="6" applyFont="1" applyAlignment="1">
      <alignment horizontal="left" vertical="center" wrapText="1"/>
    </xf>
    <xf numFmtId="0" fontId="9" fillId="0" borderId="0" xfId="0" applyFont="1" applyAlignment="1" applyProtection="1">
      <alignment vertical="top" wrapText="1"/>
      <protection locked="0"/>
    </xf>
    <xf numFmtId="49" fontId="1" fillId="0" borderId="0" xfId="7" applyNumberFormat="1" applyFont="1" applyBorder="1" applyAlignment="1">
      <alignment horizontal="center" vertical="center" wrapText="1"/>
    </xf>
    <xf numFmtId="49" fontId="1" fillId="0" borderId="0" xfId="7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Font="1" applyAlignment="1">
      <alignment horizontal="left" vertical="top" wrapText="1"/>
    </xf>
    <xf numFmtId="1" fontId="1" fillId="0" borderId="0" xfId="0" applyNumberFormat="1" applyFont="1" applyAlignment="1">
      <alignment horizontal="left" vertical="center" wrapText="1"/>
    </xf>
    <xf numFmtId="49" fontId="2" fillId="0" borderId="0" xfId="0" applyNumberFormat="1" applyFont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49" fontId="1" fillId="0" borderId="0" xfId="0" applyNumberFormat="1" applyFont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18" xfId="0" applyFont="1" applyBorder="1" applyAlignment="1">
      <alignment horizontal="left" vertical="center" wrapText="1"/>
    </xf>
    <xf numFmtId="0" fontId="1" fillId="0" borderId="19" xfId="0" applyFont="1" applyBorder="1" applyAlignment="1">
      <alignment horizontal="left" vertical="center" wrapText="1"/>
    </xf>
    <xf numFmtId="0" fontId="1" fillId="0" borderId="20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2" fillId="2" borderId="8" xfId="0" applyFont="1" applyFill="1" applyBorder="1" applyAlignment="1">
      <alignment horizontal="left" vertical="center"/>
    </xf>
    <xf numFmtId="0" fontId="2" fillId="2" borderId="9" xfId="0" applyFont="1" applyFill="1" applyBorder="1" applyAlignment="1">
      <alignment horizontal="left" vertical="center"/>
    </xf>
    <xf numFmtId="0" fontId="2" fillId="2" borderId="26" xfId="0" applyFont="1" applyFill="1" applyBorder="1" applyAlignment="1">
      <alignment horizontal="left" vertical="center"/>
    </xf>
    <xf numFmtId="0" fontId="1" fillId="0" borderId="15" xfId="0" applyFont="1" applyBorder="1" applyAlignment="1">
      <alignment horizontal="left" vertical="center" wrapText="1"/>
    </xf>
    <xf numFmtId="0" fontId="1" fillId="0" borderId="16" xfId="0" applyFont="1" applyBorder="1" applyAlignment="1">
      <alignment horizontal="left" vertical="center" wrapText="1"/>
    </xf>
    <xf numFmtId="0" fontId="1" fillId="0" borderId="17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3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8" fillId="0" borderId="1" xfId="0" applyFont="1" applyBorder="1" applyAlignment="1" applyProtection="1">
      <alignment horizontal="center" wrapText="1"/>
      <protection locked="0"/>
    </xf>
    <xf numFmtId="0" fontId="8" fillId="0" borderId="0" xfId="0" applyFont="1" applyAlignment="1" applyProtection="1">
      <alignment horizontal="center" vertical="top" wrapText="1"/>
      <protection locked="0"/>
    </xf>
    <xf numFmtId="14" fontId="14" fillId="0" borderId="0" xfId="6" applyNumberFormat="1" applyFont="1" applyAlignment="1" applyProtection="1">
      <alignment horizontal="left" wrapText="1"/>
      <protection locked="0"/>
    </xf>
    <xf numFmtId="0" fontId="14" fillId="0" borderId="0" xfId="6" applyFont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1" fillId="0" borderId="0" xfId="6" applyFont="1" applyAlignment="1">
      <alignment horizontal="center" wrapText="1"/>
    </xf>
    <xf numFmtId="0" fontId="16" fillId="0" borderId="0" xfId="6" applyFont="1" applyAlignment="1">
      <alignment horizontal="center" wrapText="1"/>
    </xf>
    <xf numFmtId="0" fontId="17" fillId="0" borderId="0" xfId="6" applyFont="1" applyAlignment="1">
      <alignment horizontal="left" vertical="center" wrapText="1"/>
    </xf>
    <xf numFmtId="0" fontId="14" fillId="0" borderId="0" xfId="6" applyFont="1" applyAlignment="1">
      <alignment horizontal="left" vertical="center" wrapText="1"/>
    </xf>
    <xf numFmtId="0" fontId="21" fillId="0" borderId="0" xfId="6" applyFont="1" applyAlignment="1">
      <alignment horizontal="left" vertical="top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2" fillId="0" borderId="0" xfId="6" applyFont="1" applyAlignment="1">
      <alignment horizontal="left" vertical="top" wrapText="1"/>
    </xf>
    <xf numFmtId="0" fontId="1" fillId="0" borderId="0" xfId="7" applyFont="1" applyAlignment="1">
      <alignment horizontal="center" wrapText="1"/>
    </xf>
    <xf numFmtId="0" fontId="13" fillId="0" borderId="0" xfId="7" applyFont="1" applyAlignment="1">
      <alignment horizontal="center" vertical="center" wrapText="1"/>
    </xf>
    <xf numFmtId="0" fontId="9" fillId="0" borderId="0" xfId="7" applyFont="1" applyAlignment="1">
      <alignment horizontal="left" vertical="center" wrapText="1"/>
    </xf>
    <xf numFmtId="0" fontId="23" fillId="0" borderId="0" xfId="6" applyFont="1" applyAlignment="1">
      <alignment horizontal="left" vertical="center" wrapText="1"/>
    </xf>
    <xf numFmtId="0" fontId="25" fillId="0" borderId="0" xfId="0" applyFont="1" applyAlignment="1">
      <alignment horizontal="left" vertical="center" wrapText="1"/>
    </xf>
    <xf numFmtId="0" fontId="2" fillId="0" borderId="27" xfId="7" applyFont="1" applyBorder="1" applyAlignment="1">
      <alignment horizontal="left" vertical="center" wrapText="1"/>
    </xf>
    <xf numFmtId="0" fontId="2" fillId="0" borderId="28" xfId="7" applyFont="1" applyBorder="1" applyAlignment="1">
      <alignment horizontal="left" vertical="center" wrapText="1"/>
    </xf>
    <xf numFmtId="0" fontId="2" fillId="0" borderId="29" xfId="7" applyFont="1" applyBorder="1" applyAlignment="1">
      <alignment horizontal="left" vertical="center" wrapText="1"/>
    </xf>
    <xf numFmtId="0" fontId="24" fillId="2" borderId="30" xfId="7" applyFont="1" applyFill="1" applyBorder="1" applyAlignment="1">
      <alignment horizontal="center" vertical="center" wrapText="1"/>
    </xf>
    <xf numFmtId="0" fontId="24" fillId="2" borderId="31" xfId="7" applyFont="1" applyFill="1" applyBorder="1" applyAlignment="1">
      <alignment horizontal="center" vertical="center" wrapText="1"/>
    </xf>
    <xf numFmtId="0" fontId="24" fillId="2" borderId="32" xfId="7" applyFont="1" applyFill="1" applyBorder="1" applyAlignment="1">
      <alignment horizontal="center" vertical="center" wrapText="1"/>
    </xf>
    <xf numFmtId="49" fontId="1" fillId="0" borderId="34" xfId="7" applyNumberFormat="1" applyFont="1" applyBorder="1" applyAlignment="1">
      <alignment horizontal="left" vertical="center" wrapText="1"/>
    </xf>
    <xf numFmtId="49" fontId="1" fillId="0" borderId="35" xfId="7" applyNumberFormat="1" applyFont="1" applyBorder="1" applyAlignment="1">
      <alignment horizontal="left" vertical="center" wrapText="1"/>
    </xf>
    <xf numFmtId="49" fontId="1" fillId="0" borderId="36" xfId="7" applyNumberFormat="1" applyFont="1" applyBorder="1" applyAlignment="1">
      <alignment horizontal="left" vertical="center" wrapText="1"/>
    </xf>
    <xf numFmtId="49" fontId="1" fillId="0" borderId="37" xfId="7" applyNumberFormat="1" applyFont="1" applyBorder="1" applyAlignment="1">
      <alignment horizontal="left" vertical="center" wrapText="1"/>
    </xf>
    <xf numFmtId="49" fontId="1" fillId="0" borderId="38" xfId="7" applyNumberFormat="1" applyFont="1" applyBorder="1" applyAlignment="1">
      <alignment horizontal="left" vertical="center" wrapText="1"/>
    </xf>
    <xf numFmtId="49" fontId="1" fillId="0" borderId="39" xfId="7" applyNumberFormat="1" applyFont="1" applyBorder="1" applyAlignment="1">
      <alignment horizontal="left" vertical="center" wrapText="1"/>
    </xf>
    <xf numFmtId="49" fontId="1" fillId="0" borderId="21" xfId="7" applyNumberFormat="1" applyFont="1" applyBorder="1" applyAlignment="1">
      <alignment horizontal="left" vertical="center" wrapText="1"/>
    </xf>
    <xf numFmtId="49" fontId="1" fillId="0" borderId="41" xfId="7" applyNumberFormat="1" applyFont="1" applyBorder="1" applyAlignment="1">
      <alignment horizontal="left" vertical="center" wrapText="1"/>
    </xf>
    <xf numFmtId="49" fontId="1" fillId="0" borderId="42" xfId="7" applyNumberFormat="1" applyFont="1" applyBorder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 xr:uid="{00000000-0005-0000-0000-000001000000}"/>
    <cellStyle name="Normálna 2 3" xfId="7" xr:uid="{00000000-0005-0000-0000-000002000000}"/>
    <cellStyle name="Normálna 2 6" xfId="6" xr:uid="{00000000-0005-0000-0000-000003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4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4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38125</xdr:colOff>
          <xdr:row>9</xdr:row>
          <xdr:rowOff>85725</xdr:rowOff>
        </xdr:from>
        <xdr:to>
          <xdr:col>2</xdr:col>
          <xdr:colOff>47625</xdr:colOff>
          <xdr:row>11</xdr:row>
          <xdr:rowOff>95250</xdr:rowOff>
        </xdr:to>
        <xdr:sp macro="" textlink="">
          <xdr:nvSpPr>
            <xdr:cNvPr id="29697" name="Check Box 1" hidden="1">
              <a:extLst>
                <a:ext uri="{63B3BB69-23CF-44E3-9099-C40C66FF867C}">
                  <a14:compatExt spid="_x0000_s29697"/>
                </a:ext>
                <a:ext uri="{FF2B5EF4-FFF2-40B4-BE49-F238E27FC236}">
                  <a16:creationId xmlns:a16="http://schemas.microsoft.com/office/drawing/2014/main" id="{00000000-0008-0000-0500-000001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42875</xdr:colOff>
          <xdr:row>19</xdr:row>
          <xdr:rowOff>114300</xdr:rowOff>
        </xdr:from>
        <xdr:to>
          <xdr:col>2</xdr:col>
          <xdr:colOff>381000</xdr:colOff>
          <xdr:row>21</xdr:row>
          <xdr:rowOff>95250</xdr:rowOff>
        </xdr:to>
        <xdr:sp macro="" textlink="">
          <xdr:nvSpPr>
            <xdr:cNvPr id="29698" name="Check Box 2" hidden="1">
              <a:extLst>
                <a:ext uri="{63B3BB69-23CF-44E3-9099-C40C66FF867C}">
                  <a14:compatExt spid="_x0000_s29698"/>
                </a:ext>
                <a:ext uri="{FF2B5EF4-FFF2-40B4-BE49-F238E27FC236}">
                  <a16:creationId xmlns:a16="http://schemas.microsoft.com/office/drawing/2014/main" id="{00000000-0008-0000-0500-000002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38125</xdr:colOff>
          <xdr:row>7</xdr:row>
          <xdr:rowOff>180975</xdr:rowOff>
        </xdr:from>
        <xdr:to>
          <xdr:col>2</xdr:col>
          <xdr:colOff>47625</xdr:colOff>
          <xdr:row>9</xdr:row>
          <xdr:rowOff>180975</xdr:rowOff>
        </xdr:to>
        <xdr:sp macro="" textlink="">
          <xdr:nvSpPr>
            <xdr:cNvPr id="29699" name="Check Box 3" hidden="1">
              <a:extLst>
                <a:ext uri="{63B3BB69-23CF-44E3-9099-C40C66FF867C}">
                  <a14:compatExt spid="_x0000_s29699"/>
                </a:ext>
                <a:ext uri="{FF2B5EF4-FFF2-40B4-BE49-F238E27FC236}">
                  <a16:creationId xmlns:a16="http://schemas.microsoft.com/office/drawing/2014/main" id="{00000000-0008-0000-0500-000003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33350</xdr:colOff>
          <xdr:row>20</xdr:row>
          <xdr:rowOff>152400</xdr:rowOff>
        </xdr:from>
        <xdr:to>
          <xdr:col>2</xdr:col>
          <xdr:colOff>371475</xdr:colOff>
          <xdr:row>22</xdr:row>
          <xdr:rowOff>85725</xdr:rowOff>
        </xdr:to>
        <xdr:sp macro="" textlink="">
          <xdr:nvSpPr>
            <xdr:cNvPr id="29700" name="Check Box 4" hidden="1">
              <a:extLst>
                <a:ext uri="{63B3BB69-23CF-44E3-9099-C40C66FF867C}">
                  <a14:compatExt spid="_x0000_s29700"/>
                </a:ext>
                <a:ext uri="{FF2B5EF4-FFF2-40B4-BE49-F238E27FC236}">
                  <a16:creationId xmlns:a16="http://schemas.microsoft.com/office/drawing/2014/main" id="{00000000-0008-0000-0500-0000047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3"/>
  <sheetViews>
    <sheetView showGridLines="0" zoomScaleNormal="100" workbookViewId="0">
      <selection activeCell="B1" sqref="B1:C1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105" t="s">
        <v>12</v>
      </c>
      <c r="C1" s="105"/>
    </row>
    <row r="2" spans="2:11" ht="30" customHeight="1" x14ac:dyDescent="0.2">
      <c r="B2" s="110" t="s">
        <v>53</v>
      </c>
      <c r="C2" s="110"/>
      <c r="D2" s="110"/>
      <c r="E2" s="110"/>
    </row>
    <row r="3" spans="2:11" ht="24.95" customHeight="1" x14ac:dyDescent="0.2">
      <c r="B3" s="106"/>
      <c r="C3" s="106"/>
      <c r="D3" s="106"/>
    </row>
    <row r="4" spans="2:11" ht="14.25" x14ac:dyDescent="0.2">
      <c r="B4" s="107" t="s">
        <v>13</v>
      </c>
      <c r="C4" s="107"/>
      <c r="D4" s="107"/>
      <c r="E4" s="107"/>
      <c r="F4" s="10"/>
      <c r="G4" s="10"/>
      <c r="H4" s="10"/>
      <c r="I4" s="10"/>
      <c r="J4" s="10"/>
      <c r="K4" s="10"/>
    </row>
    <row r="6" spans="2:11" s="3" customFormat="1" ht="15" customHeight="1" x14ac:dyDescent="0.25">
      <c r="B6" s="104" t="s">
        <v>1</v>
      </c>
      <c r="C6" s="104"/>
      <c r="D6" s="108"/>
      <c r="E6" s="108"/>
      <c r="G6" s="11"/>
    </row>
    <row r="7" spans="2:11" s="3" customFormat="1" ht="15" customHeight="1" x14ac:dyDescent="0.25">
      <c r="B7" s="104" t="s">
        <v>2</v>
      </c>
      <c r="C7" s="104"/>
      <c r="D7" s="104"/>
      <c r="E7" s="104"/>
    </row>
    <row r="8" spans="2:11" s="3" customFormat="1" ht="15" customHeight="1" x14ac:dyDescent="0.25">
      <c r="B8" s="104" t="s">
        <v>3</v>
      </c>
      <c r="C8" s="104"/>
      <c r="D8" s="111"/>
      <c r="E8" s="111"/>
    </row>
    <row r="9" spans="2:11" s="3" customFormat="1" ht="15" customHeight="1" x14ac:dyDescent="0.25">
      <c r="B9" s="104" t="s">
        <v>4</v>
      </c>
      <c r="C9" s="104"/>
      <c r="D9" s="111"/>
      <c r="E9" s="111"/>
    </row>
    <row r="10" spans="2:11" x14ac:dyDescent="0.2">
      <c r="B10" s="1"/>
      <c r="C10" s="1"/>
      <c r="D10" s="1"/>
    </row>
    <row r="11" spans="2:11" x14ac:dyDescent="0.2">
      <c r="B11" s="109" t="s">
        <v>14</v>
      </c>
      <c r="C11" s="109"/>
      <c r="D11" s="109"/>
      <c r="E11" s="10"/>
      <c r="F11" s="10"/>
      <c r="G11" s="10"/>
      <c r="H11" s="10"/>
      <c r="I11" s="10"/>
      <c r="J11" s="10"/>
      <c r="K11" s="10"/>
    </row>
    <row r="12" spans="2:11" s="3" customFormat="1" ht="15" customHeight="1" x14ac:dyDescent="0.25">
      <c r="B12" s="104" t="s">
        <v>5</v>
      </c>
      <c r="C12" s="104"/>
      <c r="D12" s="112"/>
      <c r="E12" s="112"/>
    </row>
    <row r="13" spans="2:11" s="3" customFormat="1" ht="15" customHeight="1" x14ac:dyDescent="0.25">
      <c r="B13" s="104" t="s">
        <v>6</v>
      </c>
      <c r="C13" s="104"/>
      <c r="D13" s="115"/>
      <c r="E13" s="115"/>
    </row>
    <row r="14" spans="2:11" s="3" customFormat="1" ht="15" customHeight="1" x14ac:dyDescent="0.25">
      <c r="B14" s="104" t="s">
        <v>7</v>
      </c>
      <c r="C14" s="104"/>
      <c r="D14" s="116"/>
      <c r="E14" s="116"/>
    </row>
    <row r="15" spans="2:11" x14ac:dyDescent="0.2">
      <c r="B15" s="1"/>
      <c r="C15" s="1"/>
      <c r="D15" s="1"/>
    </row>
    <row r="16" spans="2:11" x14ac:dyDescent="0.2">
      <c r="C16" s="105"/>
      <c r="D16" s="105"/>
    </row>
    <row r="17" spans="2:6" ht="15" customHeight="1" x14ac:dyDescent="0.2"/>
    <row r="18" spans="2:6" ht="15" customHeight="1" x14ac:dyDescent="0.2"/>
    <row r="19" spans="2:6" s="3" customFormat="1" x14ac:dyDescent="0.25">
      <c r="B19" s="3" t="s">
        <v>8</v>
      </c>
      <c r="C19" s="15"/>
      <c r="D19" s="4"/>
    </row>
    <row r="20" spans="2:6" s="3" customFormat="1" x14ac:dyDescent="0.25">
      <c r="B20" s="3" t="s">
        <v>15</v>
      </c>
      <c r="C20" s="12"/>
      <c r="D20" s="4"/>
    </row>
    <row r="22" spans="2:6" ht="15" customHeight="1" x14ac:dyDescent="0.2">
      <c r="E22" s="13"/>
    </row>
    <row r="23" spans="2:6" ht="45" customHeight="1" x14ac:dyDescent="0.2">
      <c r="E23" s="83" t="s">
        <v>50</v>
      </c>
    </row>
    <row r="25" spans="2:6" x14ac:dyDescent="0.2">
      <c r="B25" s="113" t="s">
        <v>10</v>
      </c>
      <c r="C25" s="113"/>
      <c r="D25" s="23"/>
    </row>
    <row r="26" spans="2:6" ht="12" customHeight="1" x14ac:dyDescent="0.2">
      <c r="B26" s="31"/>
      <c r="C26" s="114" t="s">
        <v>11</v>
      </c>
      <c r="D26" s="114"/>
      <c r="E26" s="8"/>
      <c r="F26" s="9"/>
    </row>
    <row r="27" spans="2:6" x14ac:dyDescent="0.2">
      <c r="B27" s="23"/>
      <c r="C27" s="23"/>
      <c r="D27" s="23"/>
    </row>
    <row r="93" spans="5:5" x14ac:dyDescent="0.2">
      <c r="E93" s="7" t="str">
        <f>IF('Príloha č. 1'!D8="","",'Príloha č. 1'!D8:E8)</f>
        <v/>
      </c>
    </row>
  </sheetData>
  <mergeCells count="22">
    <mergeCell ref="C16:D16"/>
    <mergeCell ref="B25:C25"/>
    <mergeCell ref="C26:D26"/>
    <mergeCell ref="B13:C13"/>
    <mergeCell ref="B14:C14"/>
    <mergeCell ref="D13:E13"/>
    <mergeCell ref="D14:E14"/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</mergeCells>
  <conditionalFormatting sqref="B26:C26">
    <cfRule type="containsBlanks" dxfId="14" priority="6">
      <formula>LEN(TRIM(B26))=0</formula>
    </cfRule>
  </conditionalFormatting>
  <conditionalFormatting sqref="C19:C20">
    <cfRule type="containsBlanks" dxfId="13" priority="4">
      <formula>LEN(TRIM(C19))=0</formula>
    </cfRule>
  </conditionalFormatting>
  <conditionalFormatting sqref="D6:E9">
    <cfRule type="containsBlanks" dxfId="12" priority="8">
      <formula>LEN(TRIM(D6))=0</formula>
    </cfRule>
  </conditionalFormatting>
  <conditionalFormatting sqref="D12:E14">
    <cfRule type="containsBlanks" dxfId="11" priority="10">
      <formula>LEN(TRIM(D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>
      <selection activeCell="B2" sqref="B2:E2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118" t="s">
        <v>12</v>
      </c>
      <c r="C1" s="118"/>
    </row>
    <row r="2" spans="2:11" s="2" customFormat="1" ht="30" customHeight="1" x14ac:dyDescent="0.25">
      <c r="B2" s="110" t="str">
        <f>'Príloha č. 1'!B2:E2</f>
        <v>Spotrebný zdravotnícky materiál a špeciálny zdravotnícky materiál pre intervenčnú angiológiu</v>
      </c>
      <c r="C2" s="110"/>
      <c r="D2" s="110"/>
      <c r="E2" s="110"/>
    </row>
    <row r="3" spans="2:11" ht="24.95" customHeight="1" x14ac:dyDescent="0.2">
      <c r="B3" s="119"/>
      <c r="C3" s="119"/>
      <c r="D3" s="119"/>
    </row>
    <row r="4" spans="2:11" ht="18.75" customHeight="1" x14ac:dyDescent="0.2">
      <c r="B4" s="120" t="s">
        <v>16</v>
      </c>
      <c r="C4" s="120"/>
      <c r="D4" s="120"/>
      <c r="E4" s="120"/>
      <c r="F4" s="14"/>
      <c r="G4" s="14"/>
      <c r="H4" s="14"/>
      <c r="I4" s="14"/>
      <c r="J4" s="14"/>
      <c r="K4" s="14"/>
    </row>
    <row r="6" spans="2:11" s="2" customFormat="1" ht="15" customHeight="1" x14ac:dyDescent="0.25">
      <c r="B6" s="117" t="s">
        <v>1</v>
      </c>
      <c r="C6" s="117"/>
      <c r="D6" s="30" t="str">
        <f>IF('Príloha č. 1'!$D$6="","",'Príloha č. 1'!$D$6)</f>
        <v/>
      </c>
      <c r="E6" s="30"/>
    </row>
    <row r="7" spans="2:11" s="2" customFormat="1" ht="15" customHeight="1" x14ac:dyDescent="0.25">
      <c r="B7" s="117" t="s">
        <v>2</v>
      </c>
      <c r="C7" s="117"/>
      <c r="D7" s="2" t="str">
        <f>IF('Príloha č. 1'!$D$7="","",'Príloha č. 1'!$D$7)</f>
        <v/>
      </c>
      <c r="E7" s="30"/>
    </row>
    <row r="8" spans="2:11" ht="15" customHeight="1" x14ac:dyDescent="0.2">
      <c r="B8" s="118" t="s">
        <v>3</v>
      </c>
      <c r="C8" s="118"/>
      <c r="D8" s="16" t="str">
        <f>IF('Príloha č. 1'!D8:E8="","",'Príloha č. 1'!D8:E8)</f>
        <v/>
      </c>
    </row>
    <row r="9" spans="2:11" ht="15" customHeight="1" x14ac:dyDescent="0.2">
      <c r="B9" s="118" t="s">
        <v>4</v>
      </c>
      <c r="C9" s="118"/>
      <c r="D9" s="16" t="str">
        <f>IF('Príloha č. 1'!D9:E9="","",'Príloha č. 1'!D9:E9)</f>
        <v/>
      </c>
    </row>
    <row r="10" spans="2:11" ht="20.100000000000001" customHeight="1" x14ac:dyDescent="0.2">
      <c r="D10" s="6"/>
    </row>
    <row r="11" spans="2:11" s="4" customFormat="1" ht="20.100000000000001" customHeight="1" x14ac:dyDescent="0.25">
      <c r="B11" s="104" t="s">
        <v>17</v>
      </c>
      <c r="C11" s="104"/>
      <c r="D11" s="104"/>
      <c r="E11" s="104"/>
    </row>
    <row r="12" spans="2:11" ht="24.95" customHeight="1" x14ac:dyDescent="0.2">
      <c r="B12" s="2" t="s">
        <v>0</v>
      </c>
      <c r="C12" s="117" t="s">
        <v>23</v>
      </c>
      <c r="D12" s="117"/>
      <c r="E12" s="117"/>
    </row>
    <row r="13" spans="2:11" ht="3" customHeight="1" x14ac:dyDescent="0.2">
      <c r="B13" s="2"/>
      <c r="C13" s="33"/>
      <c r="D13" s="33"/>
      <c r="E13" s="33"/>
    </row>
    <row r="14" spans="2:11" ht="24.95" customHeight="1" x14ac:dyDescent="0.2">
      <c r="B14" s="2" t="s">
        <v>0</v>
      </c>
      <c r="C14" s="117" t="s">
        <v>18</v>
      </c>
      <c r="D14" s="117"/>
      <c r="E14" s="117"/>
    </row>
    <row r="15" spans="2:11" ht="3" customHeight="1" x14ac:dyDescent="0.2">
      <c r="B15" s="2"/>
      <c r="C15" s="33"/>
      <c r="D15" s="33"/>
      <c r="E15" s="33"/>
    </row>
    <row r="16" spans="2:11" ht="24.95" customHeight="1" x14ac:dyDescent="0.2">
      <c r="B16" s="2" t="s">
        <v>0</v>
      </c>
      <c r="C16" s="117" t="s">
        <v>19</v>
      </c>
      <c r="D16" s="117"/>
      <c r="E16" s="117"/>
    </row>
    <row r="17" spans="2:6" ht="3" customHeight="1" x14ac:dyDescent="0.2">
      <c r="B17" s="2"/>
      <c r="C17" s="33"/>
      <c r="D17" s="33"/>
      <c r="E17" s="33"/>
    </row>
    <row r="18" spans="2:6" ht="36" customHeight="1" x14ac:dyDescent="0.2">
      <c r="B18" s="2" t="s">
        <v>0</v>
      </c>
      <c r="C18" s="117" t="s">
        <v>20</v>
      </c>
      <c r="D18" s="117"/>
      <c r="E18" s="117"/>
    </row>
    <row r="19" spans="2:6" ht="3" customHeight="1" x14ac:dyDescent="0.2">
      <c r="B19" s="2"/>
      <c r="C19" s="33"/>
      <c r="D19" s="33"/>
      <c r="E19" s="33"/>
    </row>
    <row r="20" spans="2:6" ht="19.5" customHeight="1" x14ac:dyDescent="0.2">
      <c r="B20" s="2" t="s">
        <v>0</v>
      </c>
      <c r="C20" s="117" t="s">
        <v>21</v>
      </c>
      <c r="D20" s="117"/>
      <c r="E20" s="117"/>
    </row>
    <row r="21" spans="2:6" ht="20.100000000000001" customHeight="1" x14ac:dyDescent="0.2"/>
    <row r="22" spans="2:6" s="4" customFormat="1" x14ac:dyDescent="0.25">
      <c r="B22" s="4" t="s">
        <v>8</v>
      </c>
      <c r="C22" s="4" t="str">
        <f>IF('Príloha č. 1'!C19:C19="","",'Príloha č. 1'!C19:C19)</f>
        <v/>
      </c>
    </row>
    <row r="23" spans="2:6" s="4" customFormat="1" x14ac:dyDescent="0.25">
      <c r="B23" s="4" t="s">
        <v>9</v>
      </c>
      <c r="C23" s="12" t="str">
        <f>IF('Príloha č. 1'!C20:C20="","",'Príloha č. 1'!C20:C20)</f>
        <v/>
      </c>
    </row>
    <row r="24" spans="2:6" ht="39.950000000000003" customHeight="1" x14ac:dyDescent="0.2">
      <c r="E24" s="13"/>
    </row>
    <row r="25" spans="2:6" ht="45" customHeight="1" x14ac:dyDescent="0.2">
      <c r="E25" s="5" t="s">
        <v>50</v>
      </c>
    </row>
    <row r="27" spans="2:6" s="7" customFormat="1" x14ac:dyDescent="0.2">
      <c r="B27" s="113" t="s">
        <v>10</v>
      </c>
      <c r="C27" s="113"/>
      <c r="D27" s="23"/>
    </row>
    <row r="28" spans="2:6" s="7" customFormat="1" ht="12" customHeight="1" x14ac:dyDescent="0.2">
      <c r="B28" s="31"/>
      <c r="C28" s="121" t="s">
        <v>11</v>
      </c>
      <c r="D28" s="121"/>
      <c r="E28" s="8"/>
      <c r="F28" s="9"/>
    </row>
    <row r="29" spans="2:6" x14ac:dyDescent="0.2">
      <c r="B29" s="32"/>
      <c r="C29" s="32"/>
      <c r="D29" s="32"/>
    </row>
  </sheetData>
  <mergeCells count="16"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  <mergeCell ref="B7:C7"/>
    <mergeCell ref="B6:C6"/>
    <mergeCell ref="B1:C1"/>
    <mergeCell ref="B2:E2"/>
    <mergeCell ref="B3:D3"/>
    <mergeCell ref="B4:E4"/>
  </mergeCells>
  <conditionalFormatting sqref="B28">
    <cfRule type="containsBlanks" dxfId="10" priority="8">
      <formula>LEN(TRIM(B28))=0</formula>
    </cfRule>
  </conditionalFormatting>
  <conditionalFormatting sqref="C22:C23">
    <cfRule type="containsBlanks" dxfId="9" priority="5">
      <formula>LEN(TRIM(C22))=0</formula>
    </cfRule>
  </conditionalFormatting>
  <conditionalFormatting sqref="D6:D7">
    <cfRule type="containsBlanks" dxfId="8" priority="4">
      <formula>LEN(TRIM(D6))=0</formula>
    </cfRule>
  </conditionalFormatting>
  <conditionalFormatting sqref="D6:D9">
    <cfRule type="containsBlanks" dxfId="7" priority="1">
      <formula>LEN(TRIM(D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31"/>
  <sheetViews>
    <sheetView showGridLines="0" zoomScaleNormal="100" workbookViewId="0">
      <selection activeCell="A2" sqref="A2:XFD2"/>
    </sheetView>
  </sheetViews>
  <sheetFormatPr defaultRowHeight="14.25" x14ac:dyDescent="0.2"/>
  <cols>
    <col min="1" max="1" width="1.85546875" style="18" customWidth="1"/>
    <col min="2" max="2" width="5.28515625" style="18" customWidth="1"/>
    <col min="3" max="3" width="19.7109375" style="18" customWidth="1"/>
    <col min="4" max="4" width="28.7109375" style="18" customWidth="1"/>
    <col min="5" max="5" width="30" style="18" customWidth="1"/>
    <col min="6" max="6" width="10.42578125" style="18" bestFit="1" customWidth="1"/>
    <col min="7" max="16384" width="9.140625" style="18"/>
  </cols>
  <sheetData>
    <row r="1" spans="2:11" s="17" customFormat="1" ht="15" customHeight="1" x14ac:dyDescent="0.2">
      <c r="B1" s="118" t="s">
        <v>12</v>
      </c>
      <c r="C1" s="118"/>
      <c r="D1" s="1"/>
      <c r="E1" s="1"/>
    </row>
    <row r="2" spans="2:11" s="17" customFormat="1" ht="30" customHeight="1" x14ac:dyDescent="0.2">
      <c r="B2" s="110" t="str">
        <f>'Príloha č. 1'!B2:E2</f>
        <v>Spotrebný zdravotnícky materiál a špeciálny zdravotnícky materiál pre intervenčnú angiológiu</v>
      </c>
      <c r="C2" s="110"/>
      <c r="D2" s="110"/>
      <c r="E2" s="110"/>
    </row>
    <row r="3" spans="2:11" ht="15" customHeight="1" x14ac:dyDescent="0.2">
      <c r="B3" s="119"/>
      <c r="C3" s="119"/>
      <c r="D3" s="119"/>
      <c r="E3" s="1"/>
    </row>
    <row r="4" spans="2:11" s="20" customFormat="1" ht="35.1" customHeight="1" x14ac:dyDescent="0.25">
      <c r="B4" s="125" t="s">
        <v>22</v>
      </c>
      <c r="C4" s="125"/>
      <c r="D4" s="125"/>
      <c r="E4" s="125"/>
      <c r="F4" s="19"/>
      <c r="G4" s="19"/>
      <c r="H4" s="19"/>
      <c r="I4" s="19"/>
      <c r="J4" s="19"/>
      <c r="K4" s="19"/>
    </row>
    <row r="5" spans="2:11" s="17" customFormat="1" ht="15" customHeight="1" x14ac:dyDescent="0.2">
      <c r="B5" s="1"/>
      <c r="C5" s="1"/>
      <c r="D5" s="1"/>
      <c r="E5" s="1"/>
    </row>
    <row r="6" spans="2:11" s="17" customFormat="1" ht="15" customHeight="1" x14ac:dyDescent="0.2">
      <c r="B6" s="118" t="s">
        <v>1</v>
      </c>
      <c r="C6" s="118"/>
      <c r="D6" s="109" t="str">
        <f>IF('Príloha č. 1'!$D$6="","",'Príloha č. 1'!$D$6)</f>
        <v/>
      </c>
      <c r="E6" s="109"/>
    </row>
    <row r="7" spans="2:11" s="17" customFormat="1" ht="15" customHeight="1" x14ac:dyDescent="0.2">
      <c r="B7" s="118" t="s">
        <v>2</v>
      </c>
      <c r="C7" s="118"/>
      <c r="D7" s="118" t="str">
        <f>IF('Príloha č. 1'!$D$7="","",'Príloha č. 1'!$D$7)</f>
        <v/>
      </c>
      <c r="E7" s="118"/>
    </row>
    <row r="8" spans="2:11" s="17" customFormat="1" ht="15" customHeight="1" x14ac:dyDescent="0.2">
      <c r="B8" s="118" t="s">
        <v>3</v>
      </c>
      <c r="C8" s="118"/>
      <c r="D8" s="118" t="str">
        <f>IF('Príloha č. 1'!D8:E8="","",'Príloha č. 1'!D8:E8)</f>
        <v/>
      </c>
      <c r="E8" s="118"/>
    </row>
    <row r="9" spans="2:11" s="17" customFormat="1" ht="15" customHeight="1" x14ac:dyDescent="0.2">
      <c r="B9" s="118" t="s">
        <v>4</v>
      </c>
      <c r="C9" s="118"/>
      <c r="D9" s="118" t="str">
        <f>IF('Príloha č. 1'!D9:E9="","",'Príloha č. 1'!D9:E9)</f>
        <v/>
      </c>
      <c r="E9" s="118"/>
    </row>
    <row r="10" spans="2:11" s="17" customFormat="1" ht="15" customHeight="1" x14ac:dyDescent="0.2">
      <c r="B10" s="1"/>
      <c r="C10" s="1"/>
      <c r="D10" s="6"/>
      <c r="E10" s="1"/>
    </row>
    <row r="11" spans="2:11" s="21" customFormat="1" ht="36.75" customHeight="1" x14ac:dyDescent="0.25">
      <c r="B11" s="104" t="s">
        <v>34</v>
      </c>
      <c r="C11" s="104"/>
      <c r="D11" s="104"/>
      <c r="E11" s="104"/>
    </row>
    <row r="12" spans="2:11" x14ac:dyDescent="0.2">
      <c r="B12" s="1"/>
      <c r="C12" s="1"/>
      <c r="D12" s="1"/>
      <c r="E12" s="1"/>
    </row>
    <row r="13" spans="2:11" s="28" customFormat="1" ht="38.25" customHeight="1" x14ac:dyDescent="0.2">
      <c r="B13" s="118" t="s">
        <v>35</v>
      </c>
      <c r="C13" s="118"/>
      <c r="D13" s="118"/>
      <c r="E13" s="118"/>
    </row>
    <row r="14" spans="2:11" s="29" customFormat="1" ht="15" customHeight="1" x14ac:dyDescent="0.2">
      <c r="B14" s="127" t="s">
        <v>32</v>
      </c>
      <c r="C14" s="128"/>
      <c r="D14" s="128" t="s">
        <v>33</v>
      </c>
      <c r="E14" s="129"/>
    </row>
    <row r="15" spans="2:11" s="29" customFormat="1" ht="15" customHeight="1" x14ac:dyDescent="0.2">
      <c r="B15" s="130"/>
      <c r="C15" s="131"/>
      <c r="D15" s="131"/>
      <c r="E15" s="132"/>
    </row>
    <row r="16" spans="2:11" s="29" customFormat="1" ht="15" customHeight="1" x14ac:dyDescent="0.2">
      <c r="B16" s="122"/>
      <c r="C16" s="123"/>
      <c r="D16" s="123"/>
      <c r="E16" s="124"/>
    </row>
    <row r="17" spans="2:6" s="29" customFormat="1" ht="15" customHeight="1" x14ac:dyDescent="0.2">
      <c r="B17" s="122"/>
      <c r="C17" s="123"/>
      <c r="D17" s="123"/>
      <c r="E17" s="124"/>
    </row>
    <row r="18" spans="2:6" s="29" customFormat="1" ht="15" customHeight="1" x14ac:dyDescent="0.2">
      <c r="B18" s="122"/>
      <c r="C18" s="123"/>
      <c r="D18" s="123"/>
      <c r="E18" s="124"/>
    </row>
    <row r="19" spans="2:6" s="29" customFormat="1" ht="15" customHeight="1" x14ac:dyDescent="0.2">
      <c r="B19" s="122"/>
      <c r="C19" s="123"/>
      <c r="D19" s="123"/>
      <c r="E19" s="124"/>
    </row>
    <row r="20" spans="2:6" s="29" customFormat="1" ht="15" customHeight="1" x14ac:dyDescent="0.2">
      <c r="B20" s="15"/>
      <c r="C20" s="15"/>
      <c r="D20" s="15"/>
      <c r="E20" s="15"/>
    </row>
    <row r="21" spans="2:6" s="29" customFormat="1" ht="15" customHeight="1" x14ac:dyDescent="0.2">
      <c r="B21" s="15"/>
      <c r="C21" s="15"/>
      <c r="D21" s="15"/>
      <c r="E21" s="15"/>
    </row>
    <row r="22" spans="2:6" s="29" customFormat="1" ht="15" customHeight="1" x14ac:dyDescent="0.2">
      <c r="B22" s="15"/>
      <c r="C22" s="15"/>
      <c r="D22" s="15"/>
      <c r="E22" s="15"/>
    </row>
    <row r="23" spans="2:6" s="17" customFormat="1" ht="15" customHeight="1" x14ac:dyDescent="0.2">
      <c r="B23" s="1" t="s">
        <v>8</v>
      </c>
      <c r="C23" s="6" t="str">
        <f>IF('Príloha č. 1'!C19:C19="","",'Príloha č. 1'!C19:C19)</f>
        <v/>
      </c>
      <c r="D23" s="1"/>
      <c r="E23" s="1"/>
    </row>
    <row r="24" spans="2:6" s="27" customFormat="1" ht="15" customHeight="1" x14ac:dyDescent="0.25">
      <c r="B24" s="2" t="s">
        <v>9</v>
      </c>
      <c r="C24" s="34" t="str">
        <f>IF('Príloha č. 1'!C20:C20="","",'Príloha č. 1'!C20:C20)</f>
        <v/>
      </c>
      <c r="D24" s="35"/>
      <c r="E24" s="2"/>
    </row>
    <row r="25" spans="2:6" s="17" customFormat="1" ht="15" customHeight="1" x14ac:dyDescent="0.2">
      <c r="B25" s="1"/>
      <c r="C25" s="1"/>
      <c r="D25" s="1"/>
      <c r="E25" s="1"/>
    </row>
    <row r="26" spans="2:6" ht="39.950000000000003" customHeight="1" x14ac:dyDescent="0.2">
      <c r="B26" s="1"/>
      <c r="C26" s="1"/>
      <c r="D26" s="1"/>
      <c r="E26" s="13"/>
    </row>
    <row r="27" spans="2:6" ht="45" customHeight="1" x14ac:dyDescent="0.2">
      <c r="E27" s="22" t="s">
        <v>51</v>
      </c>
    </row>
    <row r="30" spans="2:6" s="23" customFormat="1" ht="11.25" x14ac:dyDescent="0.2">
      <c r="B30" s="113" t="s">
        <v>10</v>
      </c>
      <c r="C30" s="113"/>
    </row>
    <row r="31" spans="2:6" s="23" customFormat="1" ht="12" customHeight="1" x14ac:dyDescent="0.2">
      <c r="B31" s="24"/>
      <c r="C31" s="126" t="s">
        <v>11</v>
      </c>
      <c r="D31" s="126"/>
      <c r="E31" s="25"/>
      <c r="F31" s="26"/>
    </row>
  </sheetData>
  <mergeCells count="28">
    <mergeCell ref="B30:C30"/>
    <mergeCell ref="C31:D31"/>
    <mergeCell ref="B11:E11"/>
    <mergeCell ref="B7:C7"/>
    <mergeCell ref="D7:E7"/>
    <mergeCell ref="B8:C8"/>
    <mergeCell ref="D8:E8"/>
    <mergeCell ref="B9:C9"/>
    <mergeCell ref="D9:E9"/>
    <mergeCell ref="B13:E13"/>
    <mergeCell ref="B14:C14"/>
    <mergeCell ref="D14:E14"/>
    <mergeCell ref="B15:C15"/>
    <mergeCell ref="D15:E15"/>
    <mergeCell ref="B16:C16"/>
    <mergeCell ref="D16:E16"/>
    <mergeCell ref="B1:C1"/>
    <mergeCell ref="B2:E2"/>
    <mergeCell ref="B3:D3"/>
    <mergeCell ref="B4:E4"/>
    <mergeCell ref="B6:C6"/>
    <mergeCell ref="D6:E6"/>
    <mergeCell ref="B17:C17"/>
    <mergeCell ref="D17:E17"/>
    <mergeCell ref="B18:C18"/>
    <mergeCell ref="D18:E18"/>
    <mergeCell ref="B19:C19"/>
    <mergeCell ref="D19:E19"/>
  </mergeCells>
  <conditionalFormatting sqref="C23:C24">
    <cfRule type="containsBlanks" dxfId="6" priority="3">
      <formula>LEN(TRIM(C23))=0</formula>
    </cfRule>
  </conditionalFormatting>
  <conditionalFormatting sqref="D6:E9">
    <cfRule type="containsBlanks" dxfId="5" priority="4">
      <formula>LEN(TRIM(D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>
      <selection activeCell="A6" sqref="A6:XFD6"/>
    </sheetView>
  </sheetViews>
  <sheetFormatPr defaultRowHeight="12" x14ac:dyDescent="0.2"/>
  <cols>
    <col min="1" max="1" width="1.85546875" style="36" customWidth="1"/>
    <col min="2" max="2" width="4.7109375" style="36" bestFit="1" customWidth="1"/>
    <col min="3" max="3" width="19.7109375" style="36" customWidth="1"/>
    <col min="4" max="4" width="28.7109375" style="36" customWidth="1"/>
    <col min="5" max="5" width="33.42578125" style="36" customWidth="1"/>
    <col min="6" max="6" width="10.42578125" style="36" bestFit="1" customWidth="1"/>
    <col min="7" max="257" width="9.140625" style="36"/>
    <col min="258" max="258" width="4.7109375" style="36" bestFit="1" customWidth="1"/>
    <col min="259" max="259" width="19.7109375" style="36" customWidth="1"/>
    <col min="260" max="260" width="28.7109375" style="36" customWidth="1"/>
    <col min="261" max="261" width="33.42578125" style="36" customWidth="1"/>
    <col min="262" max="262" width="10.42578125" style="36" bestFit="1" customWidth="1"/>
    <col min="263" max="513" width="9.140625" style="36"/>
    <col min="514" max="514" width="4.7109375" style="36" bestFit="1" customWidth="1"/>
    <col min="515" max="515" width="19.7109375" style="36" customWidth="1"/>
    <col min="516" max="516" width="28.7109375" style="36" customWidth="1"/>
    <col min="517" max="517" width="33.42578125" style="36" customWidth="1"/>
    <col min="518" max="518" width="10.42578125" style="36" bestFit="1" customWidth="1"/>
    <col min="519" max="769" width="9.140625" style="36"/>
    <col min="770" max="770" width="4.7109375" style="36" bestFit="1" customWidth="1"/>
    <col min="771" max="771" width="19.7109375" style="36" customWidth="1"/>
    <col min="772" max="772" width="28.7109375" style="36" customWidth="1"/>
    <col min="773" max="773" width="33.42578125" style="36" customWidth="1"/>
    <col min="774" max="774" width="10.42578125" style="36" bestFit="1" customWidth="1"/>
    <col min="775" max="1025" width="9.140625" style="36"/>
    <col min="1026" max="1026" width="4.7109375" style="36" bestFit="1" customWidth="1"/>
    <col min="1027" max="1027" width="19.7109375" style="36" customWidth="1"/>
    <col min="1028" max="1028" width="28.7109375" style="36" customWidth="1"/>
    <col min="1029" max="1029" width="33.42578125" style="36" customWidth="1"/>
    <col min="1030" max="1030" width="10.42578125" style="36" bestFit="1" customWidth="1"/>
    <col min="1031" max="1281" width="9.140625" style="36"/>
    <col min="1282" max="1282" width="4.7109375" style="36" bestFit="1" customWidth="1"/>
    <col min="1283" max="1283" width="19.7109375" style="36" customWidth="1"/>
    <col min="1284" max="1284" width="28.7109375" style="36" customWidth="1"/>
    <col min="1285" max="1285" width="33.42578125" style="36" customWidth="1"/>
    <col min="1286" max="1286" width="10.42578125" style="36" bestFit="1" customWidth="1"/>
    <col min="1287" max="1537" width="9.140625" style="36"/>
    <col min="1538" max="1538" width="4.7109375" style="36" bestFit="1" customWidth="1"/>
    <col min="1539" max="1539" width="19.7109375" style="36" customWidth="1"/>
    <col min="1540" max="1540" width="28.7109375" style="36" customWidth="1"/>
    <col min="1541" max="1541" width="33.42578125" style="36" customWidth="1"/>
    <col min="1542" max="1542" width="10.42578125" style="36" bestFit="1" customWidth="1"/>
    <col min="1543" max="1793" width="9.140625" style="36"/>
    <col min="1794" max="1794" width="4.7109375" style="36" bestFit="1" customWidth="1"/>
    <col min="1795" max="1795" width="19.7109375" style="36" customWidth="1"/>
    <col min="1796" max="1796" width="28.7109375" style="36" customWidth="1"/>
    <col min="1797" max="1797" width="33.42578125" style="36" customWidth="1"/>
    <col min="1798" max="1798" width="10.42578125" style="36" bestFit="1" customWidth="1"/>
    <col min="1799" max="2049" width="9.140625" style="36"/>
    <col min="2050" max="2050" width="4.7109375" style="36" bestFit="1" customWidth="1"/>
    <col min="2051" max="2051" width="19.7109375" style="36" customWidth="1"/>
    <col min="2052" max="2052" width="28.7109375" style="36" customWidth="1"/>
    <col min="2053" max="2053" width="33.42578125" style="36" customWidth="1"/>
    <col min="2054" max="2054" width="10.42578125" style="36" bestFit="1" customWidth="1"/>
    <col min="2055" max="2305" width="9.140625" style="36"/>
    <col min="2306" max="2306" width="4.7109375" style="36" bestFit="1" customWidth="1"/>
    <col min="2307" max="2307" width="19.7109375" style="36" customWidth="1"/>
    <col min="2308" max="2308" width="28.7109375" style="36" customWidth="1"/>
    <col min="2309" max="2309" width="33.42578125" style="36" customWidth="1"/>
    <col min="2310" max="2310" width="10.42578125" style="36" bestFit="1" customWidth="1"/>
    <col min="2311" max="2561" width="9.140625" style="36"/>
    <col min="2562" max="2562" width="4.7109375" style="36" bestFit="1" customWidth="1"/>
    <col min="2563" max="2563" width="19.7109375" style="36" customWidth="1"/>
    <col min="2564" max="2564" width="28.7109375" style="36" customWidth="1"/>
    <col min="2565" max="2565" width="33.42578125" style="36" customWidth="1"/>
    <col min="2566" max="2566" width="10.42578125" style="36" bestFit="1" customWidth="1"/>
    <col min="2567" max="2817" width="9.140625" style="36"/>
    <col min="2818" max="2818" width="4.7109375" style="36" bestFit="1" customWidth="1"/>
    <col min="2819" max="2819" width="19.7109375" style="36" customWidth="1"/>
    <col min="2820" max="2820" width="28.7109375" style="36" customWidth="1"/>
    <col min="2821" max="2821" width="33.42578125" style="36" customWidth="1"/>
    <col min="2822" max="2822" width="10.42578125" style="36" bestFit="1" customWidth="1"/>
    <col min="2823" max="3073" width="9.140625" style="36"/>
    <col min="3074" max="3074" width="4.7109375" style="36" bestFit="1" customWidth="1"/>
    <col min="3075" max="3075" width="19.7109375" style="36" customWidth="1"/>
    <col min="3076" max="3076" width="28.7109375" style="36" customWidth="1"/>
    <col min="3077" max="3077" width="33.42578125" style="36" customWidth="1"/>
    <col min="3078" max="3078" width="10.42578125" style="36" bestFit="1" customWidth="1"/>
    <col min="3079" max="3329" width="9.140625" style="36"/>
    <col min="3330" max="3330" width="4.7109375" style="36" bestFit="1" customWidth="1"/>
    <col min="3331" max="3331" width="19.7109375" style="36" customWidth="1"/>
    <col min="3332" max="3332" width="28.7109375" style="36" customWidth="1"/>
    <col min="3333" max="3333" width="33.42578125" style="36" customWidth="1"/>
    <col min="3334" max="3334" width="10.42578125" style="36" bestFit="1" customWidth="1"/>
    <col min="3335" max="3585" width="9.140625" style="36"/>
    <col min="3586" max="3586" width="4.7109375" style="36" bestFit="1" customWidth="1"/>
    <col min="3587" max="3587" width="19.7109375" style="36" customWidth="1"/>
    <col min="3588" max="3588" width="28.7109375" style="36" customWidth="1"/>
    <col min="3589" max="3589" width="33.42578125" style="36" customWidth="1"/>
    <col min="3590" max="3590" width="10.42578125" style="36" bestFit="1" customWidth="1"/>
    <col min="3591" max="3841" width="9.140625" style="36"/>
    <col min="3842" max="3842" width="4.7109375" style="36" bestFit="1" customWidth="1"/>
    <col min="3843" max="3843" width="19.7109375" style="36" customWidth="1"/>
    <col min="3844" max="3844" width="28.7109375" style="36" customWidth="1"/>
    <col min="3845" max="3845" width="33.42578125" style="36" customWidth="1"/>
    <col min="3846" max="3846" width="10.42578125" style="36" bestFit="1" customWidth="1"/>
    <col min="3847" max="4097" width="9.140625" style="36"/>
    <col min="4098" max="4098" width="4.7109375" style="36" bestFit="1" customWidth="1"/>
    <col min="4099" max="4099" width="19.7109375" style="36" customWidth="1"/>
    <col min="4100" max="4100" width="28.7109375" style="36" customWidth="1"/>
    <col min="4101" max="4101" width="33.42578125" style="36" customWidth="1"/>
    <col min="4102" max="4102" width="10.42578125" style="36" bestFit="1" customWidth="1"/>
    <col min="4103" max="4353" width="9.140625" style="36"/>
    <col min="4354" max="4354" width="4.7109375" style="36" bestFit="1" customWidth="1"/>
    <col min="4355" max="4355" width="19.7109375" style="36" customWidth="1"/>
    <col min="4356" max="4356" width="28.7109375" style="36" customWidth="1"/>
    <col min="4357" max="4357" width="33.42578125" style="36" customWidth="1"/>
    <col min="4358" max="4358" width="10.42578125" style="36" bestFit="1" customWidth="1"/>
    <col min="4359" max="4609" width="9.140625" style="36"/>
    <col min="4610" max="4610" width="4.7109375" style="36" bestFit="1" customWidth="1"/>
    <col min="4611" max="4611" width="19.7109375" style="36" customWidth="1"/>
    <col min="4612" max="4612" width="28.7109375" style="36" customWidth="1"/>
    <col min="4613" max="4613" width="33.42578125" style="36" customWidth="1"/>
    <col min="4614" max="4614" width="10.42578125" style="36" bestFit="1" customWidth="1"/>
    <col min="4615" max="4865" width="9.140625" style="36"/>
    <col min="4866" max="4866" width="4.7109375" style="36" bestFit="1" customWidth="1"/>
    <col min="4867" max="4867" width="19.7109375" style="36" customWidth="1"/>
    <col min="4868" max="4868" width="28.7109375" style="36" customWidth="1"/>
    <col min="4869" max="4869" width="33.42578125" style="36" customWidth="1"/>
    <col min="4870" max="4870" width="10.42578125" style="36" bestFit="1" customWidth="1"/>
    <col min="4871" max="5121" width="9.140625" style="36"/>
    <col min="5122" max="5122" width="4.7109375" style="36" bestFit="1" customWidth="1"/>
    <col min="5123" max="5123" width="19.7109375" style="36" customWidth="1"/>
    <col min="5124" max="5124" width="28.7109375" style="36" customWidth="1"/>
    <col min="5125" max="5125" width="33.42578125" style="36" customWidth="1"/>
    <col min="5126" max="5126" width="10.42578125" style="36" bestFit="1" customWidth="1"/>
    <col min="5127" max="5377" width="9.140625" style="36"/>
    <col min="5378" max="5378" width="4.7109375" style="36" bestFit="1" customWidth="1"/>
    <col min="5379" max="5379" width="19.7109375" style="36" customWidth="1"/>
    <col min="5380" max="5380" width="28.7109375" style="36" customWidth="1"/>
    <col min="5381" max="5381" width="33.42578125" style="36" customWidth="1"/>
    <col min="5382" max="5382" width="10.42578125" style="36" bestFit="1" customWidth="1"/>
    <col min="5383" max="5633" width="9.140625" style="36"/>
    <col min="5634" max="5634" width="4.7109375" style="36" bestFit="1" customWidth="1"/>
    <col min="5635" max="5635" width="19.7109375" style="36" customWidth="1"/>
    <col min="5636" max="5636" width="28.7109375" style="36" customWidth="1"/>
    <col min="5637" max="5637" width="33.42578125" style="36" customWidth="1"/>
    <col min="5638" max="5638" width="10.42578125" style="36" bestFit="1" customWidth="1"/>
    <col min="5639" max="5889" width="9.140625" style="36"/>
    <col min="5890" max="5890" width="4.7109375" style="36" bestFit="1" customWidth="1"/>
    <col min="5891" max="5891" width="19.7109375" style="36" customWidth="1"/>
    <col min="5892" max="5892" width="28.7109375" style="36" customWidth="1"/>
    <col min="5893" max="5893" width="33.42578125" style="36" customWidth="1"/>
    <col min="5894" max="5894" width="10.42578125" style="36" bestFit="1" customWidth="1"/>
    <col min="5895" max="6145" width="9.140625" style="36"/>
    <col min="6146" max="6146" width="4.7109375" style="36" bestFit="1" customWidth="1"/>
    <col min="6147" max="6147" width="19.7109375" style="36" customWidth="1"/>
    <col min="6148" max="6148" width="28.7109375" style="36" customWidth="1"/>
    <col min="6149" max="6149" width="33.42578125" style="36" customWidth="1"/>
    <col min="6150" max="6150" width="10.42578125" style="36" bestFit="1" customWidth="1"/>
    <col min="6151" max="6401" width="9.140625" style="36"/>
    <col min="6402" max="6402" width="4.7109375" style="36" bestFit="1" customWidth="1"/>
    <col min="6403" max="6403" width="19.7109375" style="36" customWidth="1"/>
    <col min="6404" max="6404" width="28.7109375" style="36" customWidth="1"/>
    <col min="6405" max="6405" width="33.42578125" style="36" customWidth="1"/>
    <col min="6406" max="6406" width="10.42578125" style="36" bestFit="1" customWidth="1"/>
    <col min="6407" max="6657" width="9.140625" style="36"/>
    <col min="6658" max="6658" width="4.7109375" style="36" bestFit="1" customWidth="1"/>
    <col min="6659" max="6659" width="19.7109375" style="36" customWidth="1"/>
    <col min="6660" max="6660" width="28.7109375" style="36" customWidth="1"/>
    <col min="6661" max="6661" width="33.42578125" style="36" customWidth="1"/>
    <col min="6662" max="6662" width="10.42578125" style="36" bestFit="1" customWidth="1"/>
    <col min="6663" max="6913" width="9.140625" style="36"/>
    <col min="6914" max="6914" width="4.7109375" style="36" bestFit="1" customWidth="1"/>
    <col min="6915" max="6915" width="19.7109375" style="36" customWidth="1"/>
    <col min="6916" max="6916" width="28.7109375" style="36" customWidth="1"/>
    <col min="6917" max="6917" width="33.42578125" style="36" customWidth="1"/>
    <col min="6918" max="6918" width="10.42578125" style="36" bestFit="1" customWidth="1"/>
    <col min="6919" max="7169" width="9.140625" style="36"/>
    <col min="7170" max="7170" width="4.7109375" style="36" bestFit="1" customWidth="1"/>
    <col min="7171" max="7171" width="19.7109375" style="36" customWidth="1"/>
    <col min="7172" max="7172" width="28.7109375" style="36" customWidth="1"/>
    <col min="7173" max="7173" width="33.42578125" style="36" customWidth="1"/>
    <col min="7174" max="7174" width="10.42578125" style="36" bestFit="1" customWidth="1"/>
    <col min="7175" max="7425" width="9.140625" style="36"/>
    <col min="7426" max="7426" width="4.7109375" style="36" bestFit="1" customWidth="1"/>
    <col min="7427" max="7427" width="19.7109375" style="36" customWidth="1"/>
    <col min="7428" max="7428" width="28.7109375" style="36" customWidth="1"/>
    <col min="7429" max="7429" width="33.42578125" style="36" customWidth="1"/>
    <col min="7430" max="7430" width="10.42578125" style="36" bestFit="1" customWidth="1"/>
    <col min="7431" max="7681" width="9.140625" style="36"/>
    <col min="7682" max="7682" width="4.7109375" style="36" bestFit="1" customWidth="1"/>
    <col min="7683" max="7683" width="19.7109375" style="36" customWidth="1"/>
    <col min="7684" max="7684" width="28.7109375" style="36" customWidth="1"/>
    <col min="7685" max="7685" width="33.42578125" style="36" customWidth="1"/>
    <col min="7686" max="7686" width="10.42578125" style="36" bestFit="1" customWidth="1"/>
    <col min="7687" max="7937" width="9.140625" style="36"/>
    <col min="7938" max="7938" width="4.7109375" style="36" bestFit="1" customWidth="1"/>
    <col min="7939" max="7939" width="19.7109375" style="36" customWidth="1"/>
    <col min="7940" max="7940" width="28.7109375" style="36" customWidth="1"/>
    <col min="7941" max="7941" width="33.42578125" style="36" customWidth="1"/>
    <col min="7942" max="7942" width="10.42578125" style="36" bestFit="1" customWidth="1"/>
    <col min="7943" max="8193" width="9.140625" style="36"/>
    <col min="8194" max="8194" width="4.7109375" style="36" bestFit="1" customWidth="1"/>
    <col min="8195" max="8195" width="19.7109375" style="36" customWidth="1"/>
    <col min="8196" max="8196" width="28.7109375" style="36" customWidth="1"/>
    <col min="8197" max="8197" width="33.42578125" style="36" customWidth="1"/>
    <col min="8198" max="8198" width="10.42578125" style="36" bestFit="1" customWidth="1"/>
    <col min="8199" max="8449" width="9.140625" style="36"/>
    <col min="8450" max="8450" width="4.7109375" style="36" bestFit="1" customWidth="1"/>
    <col min="8451" max="8451" width="19.7109375" style="36" customWidth="1"/>
    <col min="8452" max="8452" width="28.7109375" style="36" customWidth="1"/>
    <col min="8453" max="8453" width="33.42578125" style="36" customWidth="1"/>
    <col min="8454" max="8454" width="10.42578125" style="36" bestFit="1" customWidth="1"/>
    <col min="8455" max="8705" width="9.140625" style="36"/>
    <col min="8706" max="8706" width="4.7109375" style="36" bestFit="1" customWidth="1"/>
    <col min="8707" max="8707" width="19.7109375" style="36" customWidth="1"/>
    <col min="8708" max="8708" width="28.7109375" style="36" customWidth="1"/>
    <col min="8709" max="8709" width="33.42578125" style="36" customWidth="1"/>
    <col min="8710" max="8710" width="10.42578125" style="36" bestFit="1" customWidth="1"/>
    <col min="8711" max="8961" width="9.140625" style="36"/>
    <col min="8962" max="8962" width="4.7109375" style="36" bestFit="1" customWidth="1"/>
    <col min="8963" max="8963" width="19.7109375" style="36" customWidth="1"/>
    <col min="8964" max="8964" width="28.7109375" style="36" customWidth="1"/>
    <col min="8965" max="8965" width="33.42578125" style="36" customWidth="1"/>
    <col min="8966" max="8966" width="10.42578125" style="36" bestFit="1" customWidth="1"/>
    <col min="8967" max="9217" width="9.140625" style="36"/>
    <col min="9218" max="9218" width="4.7109375" style="36" bestFit="1" customWidth="1"/>
    <col min="9219" max="9219" width="19.7109375" style="36" customWidth="1"/>
    <col min="9220" max="9220" width="28.7109375" style="36" customWidth="1"/>
    <col min="9221" max="9221" width="33.42578125" style="36" customWidth="1"/>
    <col min="9222" max="9222" width="10.42578125" style="36" bestFit="1" customWidth="1"/>
    <col min="9223" max="9473" width="9.140625" style="36"/>
    <col min="9474" max="9474" width="4.7109375" style="36" bestFit="1" customWidth="1"/>
    <col min="9475" max="9475" width="19.7109375" style="36" customWidth="1"/>
    <col min="9476" max="9476" width="28.7109375" style="36" customWidth="1"/>
    <col min="9477" max="9477" width="33.42578125" style="36" customWidth="1"/>
    <col min="9478" max="9478" width="10.42578125" style="36" bestFit="1" customWidth="1"/>
    <col min="9479" max="9729" width="9.140625" style="36"/>
    <col min="9730" max="9730" width="4.7109375" style="36" bestFit="1" customWidth="1"/>
    <col min="9731" max="9731" width="19.7109375" style="36" customWidth="1"/>
    <col min="9732" max="9732" width="28.7109375" style="36" customWidth="1"/>
    <col min="9733" max="9733" width="33.42578125" style="36" customWidth="1"/>
    <col min="9734" max="9734" width="10.42578125" style="36" bestFit="1" customWidth="1"/>
    <col min="9735" max="9985" width="9.140625" style="36"/>
    <col min="9986" max="9986" width="4.7109375" style="36" bestFit="1" customWidth="1"/>
    <col min="9987" max="9987" width="19.7109375" style="36" customWidth="1"/>
    <col min="9988" max="9988" width="28.7109375" style="36" customWidth="1"/>
    <col min="9989" max="9989" width="33.42578125" style="36" customWidth="1"/>
    <col min="9990" max="9990" width="10.42578125" style="36" bestFit="1" customWidth="1"/>
    <col min="9991" max="10241" width="9.140625" style="36"/>
    <col min="10242" max="10242" width="4.7109375" style="36" bestFit="1" customWidth="1"/>
    <col min="10243" max="10243" width="19.7109375" style="36" customWidth="1"/>
    <col min="10244" max="10244" width="28.7109375" style="36" customWidth="1"/>
    <col min="10245" max="10245" width="33.42578125" style="36" customWidth="1"/>
    <col min="10246" max="10246" width="10.42578125" style="36" bestFit="1" customWidth="1"/>
    <col min="10247" max="10497" width="9.140625" style="36"/>
    <col min="10498" max="10498" width="4.7109375" style="36" bestFit="1" customWidth="1"/>
    <col min="10499" max="10499" width="19.7109375" style="36" customWidth="1"/>
    <col min="10500" max="10500" width="28.7109375" style="36" customWidth="1"/>
    <col min="10501" max="10501" width="33.42578125" style="36" customWidth="1"/>
    <col min="10502" max="10502" width="10.42578125" style="36" bestFit="1" customWidth="1"/>
    <col min="10503" max="10753" width="9.140625" style="36"/>
    <col min="10754" max="10754" width="4.7109375" style="36" bestFit="1" customWidth="1"/>
    <col min="10755" max="10755" width="19.7109375" style="36" customWidth="1"/>
    <col min="10756" max="10756" width="28.7109375" style="36" customWidth="1"/>
    <col min="10757" max="10757" width="33.42578125" style="36" customWidth="1"/>
    <col min="10758" max="10758" width="10.42578125" style="36" bestFit="1" customWidth="1"/>
    <col min="10759" max="11009" width="9.140625" style="36"/>
    <col min="11010" max="11010" width="4.7109375" style="36" bestFit="1" customWidth="1"/>
    <col min="11011" max="11011" width="19.7109375" style="36" customWidth="1"/>
    <col min="11012" max="11012" width="28.7109375" style="36" customWidth="1"/>
    <col min="11013" max="11013" width="33.42578125" style="36" customWidth="1"/>
    <col min="11014" max="11014" width="10.42578125" style="36" bestFit="1" customWidth="1"/>
    <col min="11015" max="11265" width="9.140625" style="36"/>
    <col min="11266" max="11266" width="4.7109375" style="36" bestFit="1" customWidth="1"/>
    <col min="11267" max="11267" width="19.7109375" style="36" customWidth="1"/>
    <col min="11268" max="11268" width="28.7109375" style="36" customWidth="1"/>
    <col min="11269" max="11269" width="33.42578125" style="36" customWidth="1"/>
    <col min="11270" max="11270" width="10.42578125" style="36" bestFit="1" customWidth="1"/>
    <col min="11271" max="11521" width="9.140625" style="36"/>
    <col min="11522" max="11522" width="4.7109375" style="36" bestFit="1" customWidth="1"/>
    <col min="11523" max="11523" width="19.7109375" style="36" customWidth="1"/>
    <col min="11524" max="11524" width="28.7109375" style="36" customWidth="1"/>
    <col min="11525" max="11525" width="33.42578125" style="36" customWidth="1"/>
    <col min="11526" max="11526" width="10.42578125" style="36" bestFit="1" customWidth="1"/>
    <col min="11527" max="11777" width="9.140625" style="36"/>
    <col min="11778" max="11778" width="4.7109375" style="36" bestFit="1" customWidth="1"/>
    <col min="11779" max="11779" width="19.7109375" style="36" customWidth="1"/>
    <col min="11780" max="11780" width="28.7109375" style="36" customWidth="1"/>
    <col min="11781" max="11781" width="33.42578125" style="36" customWidth="1"/>
    <col min="11782" max="11782" width="10.42578125" style="36" bestFit="1" customWidth="1"/>
    <col min="11783" max="12033" width="9.140625" style="36"/>
    <col min="12034" max="12034" width="4.7109375" style="36" bestFit="1" customWidth="1"/>
    <col min="12035" max="12035" width="19.7109375" style="36" customWidth="1"/>
    <col min="12036" max="12036" width="28.7109375" style="36" customWidth="1"/>
    <col min="12037" max="12037" width="33.42578125" style="36" customWidth="1"/>
    <col min="12038" max="12038" width="10.42578125" style="36" bestFit="1" customWidth="1"/>
    <col min="12039" max="12289" width="9.140625" style="36"/>
    <col min="12290" max="12290" width="4.7109375" style="36" bestFit="1" customWidth="1"/>
    <col min="12291" max="12291" width="19.7109375" style="36" customWidth="1"/>
    <col min="12292" max="12292" width="28.7109375" style="36" customWidth="1"/>
    <col min="12293" max="12293" width="33.42578125" style="36" customWidth="1"/>
    <col min="12294" max="12294" width="10.42578125" style="36" bestFit="1" customWidth="1"/>
    <col min="12295" max="12545" width="9.140625" style="36"/>
    <col min="12546" max="12546" width="4.7109375" style="36" bestFit="1" customWidth="1"/>
    <col min="12547" max="12547" width="19.7109375" style="36" customWidth="1"/>
    <col min="12548" max="12548" width="28.7109375" style="36" customWidth="1"/>
    <col min="12549" max="12549" width="33.42578125" style="36" customWidth="1"/>
    <col min="12550" max="12550" width="10.42578125" style="36" bestFit="1" customWidth="1"/>
    <col min="12551" max="12801" width="9.140625" style="36"/>
    <col min="12802" max="12802" width="4.7109375" style="36" bestFit="1" customWidth="1"/>
    <col min="12803" max="12803" width="19.7109375" style="36" customWidth="1"/>
    <col min="12804" max="12804" width="28.7109375" style="36" customWidth="1"/>
    <col min="12805" max="12805" width="33.42578125" style="36" customWidth="1"/>
    <col min="12806" max="12806" width="10.42578125" style="36" bestFit="1" customWidth="1"/>
    <col min="12807" max="13057" width="9.140625" style="36"/>
    <col min="13058" max="13058" width="4.7109375" style="36" bestFit="1" customWidth="1"/>
    <col min="13059" max="13059" width="19.7109375" style="36" customWidth="1"/>
    <col min="13060" max="13060" width="28.7109375" style="36" customWidth="1"/>
    <col min="13061" max="13061" width="33.42578125" style="36" customWidth="1"/>
    <col min="13062" max="13062" width="10.42578125" style="36" bestFit="1" customWidth="1"/>
    <col min="13063" max="13313" width="9.140625" style="36"/>
    <col min="13314" max="13314" width="4.7109375" style="36" bestFit="1" customWidth="1"/>
    <col min="13315" max="13315" width="19.7109375" style="36" customWidth="1"/>
    <col min="13316" max="13316" width="28.7109375" style="36" customWidth="1"/>
    <col min="13317" max="13317" width="33.42578125" style="36" customWidth="1"/>
    <col min="13318" max="13318" width="10.42578125" style="36" bestFit="1" customWidth="1"/>
    <col min="13319" max="13569" width="9.140625" style="36"/>
    <col min="13570" max="13570" width="4.7109375" style="36" bestFit="1" customWidth="1"/>
    <col min="13571" max="13571" width="19.7109375" style="36" customWidth="1"/>
    <col min="13572" max="13572" width="28.7109375" style="36" customWidth="1"/>
    <col min="13573" max="13573" width="33.42578125" style="36" customWidth="1"/>
    <col min="13574" max="13574" width="10.42578125" style="36" bestFit="1" customWidth="1"/>
    <col min="13575" max="13825" width="9.140625" style="36"/>
    <col min="13826" max="13826" width="4.7109375" style="36" bestFit="1" customWidth="1"/>
    <col min="13827" max="13827" width="19.7109375" style="36" customWidth="1"/>
    <col min="13828" max="13828" width="28.7109375" style="36" customWidth="1"/>
    <col min="13829" max="13829" width="33.42578125" style="36" customWidth="1"/>
    <col min="13830" max="13830" width="10.42578125" style="36" bestFit="1" customWidth="1"/>
    <col min="13831" max="14081" width="9.140625" style="36"/>
    <col min="14082" max="14082" width="4.7109375" style="36" bestFit="1" customWidth="1"/>
    <col min="14083" max="14083" width="19.7109375" style="36" customWidth="1"/>
    <col min="14084" max="14084" width="28.7109375" style="36" customWidth="1"/>
    <col min="14085" max="14085" width="33.42578125" style="36" customWidth="1"/>
    <col min="14086" max="14086" width="10.42578125" style="36" bestFit="1" customWidth="1"/>
    <col min="14087" max="14337" width="9.140625" style="36"/>
    <col min="14338" max="14338" width="4.7109375" style="36" bestFit="1" customWidth="1"/>
    <col min="14339" max="14339" width="19.7109375" style="36" customWidth="1"/>
    <col min="14340" max="14340" width="28.7109375" style="36" customWidth="1"/>
    <col min="14341" max="14341" width="33.42578125" style="36" customWidth="1"/>
    <col min="14342" max="14342" width="10.42578125" style="36" bestFit="1" customWidth="1"/>
    <col min="14343" max="14593" width="9.140625" style="36"/>
    <col min="14594" max="14594" width="4.7109375" style="36" bestFit="1" customWidth="1"/>
    <col min="14595" max="14595" width="19.7109375" style="36" customWidth="1"/>
    <col min="14596" max="14596" width="28.7109375" style="36" customWidth="1"/>
    <col min="14597" max="14597" width="33.42578125" style="36" customWidth="1"/>
    <col min="14598" max="14598" width="10.42578125" style="36" bestFit="1" customWidth="1"/>
    <col min="14599" max="14849" width="9.140625" style="36"/>
    <col min="14850" max="14850" width="4.7109375" style="36" bestFit="1" customWidth="1"/>
    <col min="14851" max="14851" width="19.7109375" style="36" customWidth="1"/>
    <col min="14852" max="14852" width="28.7109375" style="36" customWidth="1"/>
    <col min="14853" max="14853" width="33.42578125" style="36" customWidth="1"/>
    <col min="14854" max="14854" width="10.42578125" style="36" bestFit="1" customWidth="1"/>
    <col min="14855" max="15105" width="9.140625" style="36"/>
    <col min="15106" max="15106" width="4.7109375" style="36" bestFit="1" customWidth="1"/>
    <col min="15107" max="15107" width="19.7109375" style="36" customWidth="1"/>
    <col min="15108" max="15108" width="28.7109375" style="36" customWidth="1"/>
    <col min="15109" max="15109" width="33.42578125" style="36" customWidth="1"/>
    <col min="15110" max="15110" width="10.42578125" style="36" bestFit="1" customWidth="1"/>
    <col min="15111" max="15361" width="9.140625" style="36"/>
    <col min="15362" max="15362" width="4.7109375" style="36" bestFit="1" customWidth="1"/>
    <col min="15363" max="15363" width="19.7109375" style="36" customWidth="1"/>
    <col min="15364" max="15364" width="28.7109375" style="36" customWidth="1"/>
    <col min="15365" max="15365" width="33.42578125" style="36" customWidth="1"/>
    <col min="15366" max="15366" width="10.42578125" style="36" bestFit="1" customWidth="1"/>
    <col min="15367" max="15617" width="9.140625" style="36"/>
    <col min="15618" max="15618" width="4.7109375" style="36" bestFit="1" customWidth="1"/>
    <col min="15619" max="15619" width="19.7109375" style="36" customWidth="1"/>
    <col min="15620" max="15620" width="28.7109375" style="36" customWidth="1"/>
    <col min="15621" max="15621" width="33.42578125" style="36" customWidth="1"/>
    <col min="15622" max="15622" width="10.42578125" style="36" bestFit="1" customWidth="1"/>
    <col min="15623" max="15873" width="9.140625" style="36"/>
    <col min="15874" max="15874" width="4.7109375" style="36" bestFit="1" customWidth="1"/>
    <col min="15875" max="15875" width="19.7109375" style="36" customWidth="1"/>
    <col min="15876" max="15876" width="28.7109375" style="36" customWidth="1"/>
    <col min="15877" max="15877" width="33.42578125" style="36" customWidth="1"/>
    <col min="15878" max="15878" width="10.42578125" style="36" bestFit="1" customWidth="1"/>
    <col min="15879" max="16129" width="9.140625" style="36"/>
    <col min="16130" max="16130" width="4.7109375" style="36" bestFit="1" customWidth="1"/>
    <col min="16131" max="16131" width="19.7109375" style="36" customWidth="1"/>
    <col min="16132" max="16132" width="28.7109375" style="36" customWidth="1"/>
    <col min="16133" max="16133" width="33.42578125" style="36" customWidth="1"/>
    <col min="16134" max="16134" width="10.42578125" style="36" bestFit="1" customWidth="1"/>
    <col min="16135" max="16384" width="9.140625" style="36"/>
  </cols>
  <sheetData>
    <row r="1" spans="2:11" x14ac:dyDescent="0.2">
      <c r="B1" s="133" t="s">
        <v>12</v>
      </c>
      <c r="C1" s="133"/>
    </row>
    <row r="2" spans="2:11" s="37" customFormat="1" ht="30" customHeight="1" x14ac:dyDescent="0.25">
      <c r="B2" s="138" t="str">
        <f>'Príloha č. 1'!B2:E2</f>
        <v>Spotrebný zdravotnícky materiál a špeciálny zdravotnícky materiál pre intervenčnú angiológiu</v>
      </c>
      <c r="C2" s="138"/>
      <c r="D2" s="138"/>
      <c r="E2" s="138"/>
    </row>
    <row r="3" spans="2:11" x14ac:dyDescent="0.2">
      <c r="B3" s="139"/>
      <c r="C3" s="139"/>
      <c r="D3" s="139"/>
    </row>
    <row r="4" spans="2:11" ht="32.25" customHeight="1" x14ac:dyDescent="0.25">
      <c r="B4" s="140" t="s">
        <v>36</v>
      </c>
      <c r="C4" s="140"/>
      <c r="D4" s="140"/>
      <c r="E4" s="140"/>
      <c r="F4" s="38"/>
      <c r="G4" s="38"/>
      <c r="H4" s="38"/>
      <c r="I4" s="38"/>
      <c r="J4" s="38"/>
      <c r="K4" s="38"/>
    </row>
    <row r="6" spans="2:11" s="37" customFormat="1" ht="20.100000000000001" customHeight="1" x14ac:dyDescent="0.25">
      <c r="B6" s="134" t="s">
        <v>1</v>
      </c>
      <c r="C6" s="134"/>
      <c r="D6" s="141" t="str">
        <f>IF('Príloha č. 1'!$D$6="","",'Príloha č. 1'!$D$6)</f>
        <v/>
      </c>
      <c r="E6" s="138"/>
    </row>
    <row r="7" spans="2:11" s="37" customFormat="1" ht="20.100000000000001" customHeight="1" x14ac:dyDescent="0.25">
      <c r="B7" s="134" t="s">
        <v>2</v>
      </c>
      <c r="C7" s="134"/>
      <c r="D7" s="135" t="str">
        <f>IF('Príloha č. 1'!$D$7="","",'Príloha č. 1'!$D$7)</f>
        <v/>
      </c>
      <c r="E7" s="134"/>
    </row>
    <row r="8" spans="2:11" ht="20.100000000000001" customHeight="1" x14ac:dyDescent="0.2">
      <c r="B8" s="133" t="s">
        <v>3</v>
      </c>
      <c r="C8" s="133"/>
      <c r="D8" s="135" t="str">
        <f>IF('Príloha č. 1'!$D$8="","",'Príloha č. 1'!$D$8)</f>
        <v/>
      </c>
      <c r="E8" s="134"/>
    </row>
    <row r="9" spans="2:11" ht="20.100000000000001" customHeight="1" x14ac:dyDescent="0.2">
      <c r="B9" s="133" t="s">
        <v>4</v>
      </c>
      <c r="C9" s="133"/>
      <c r="D9" s="135" t="str">
        <f>IF('Príloha č. 1'!$D$9="","",'Príloha č. 1'!$D$9)</f>
        <v/>
      </c>
      <c r="E9" s="134"/>
    </row>
    <row r="10" spans="2:11" x14ac:dyDescent="0.2">
      <c r="D10" s="39"/>
    </row>
    <row r="11" spans="2:11" s="40" customFormat="1" x14ac:dyDescent="0.25">
      <c r="B11" s="136" t="s">
        <v>17</v>
      </c>
      <c r="C11" s="136"/>
      <c r="D11" s="136"/>
      <c r="E11" s="136"/>
    </row>
    <row r="12" spans="2:11" ht="52.5" customHeight="1" x14ac:dyDescent="0.2">
      <c r="B12" s="37" t="s">
        <v>0</v>
      </c>
      <c r="C12" s="134" t="s">
        <v>37</v>
      </c>
      <c r="D12" s="134"/>
      <c r="E12" s="134"/>
    </row>
    <row r="13" spans="2:11" ht="39" customHeight="1" x14ac:dyDescent="0.2">
      <c r="B13" s="37" t="s">
        <v>0</v>
      </c>
      <c r="C13" s="134" t="s">
        <v>38</v>
      </c>
      <c r="D13" s="134"/>
      <c r="E13" s="134"/>
    </row>
    <row r="14" spans="2:11" ht="39.75" customHeight="1" x14ac:dyDescent="0.2">
      <c r="B14" s="37" t="s">
        <v>0</v>
      </c>
      <c r="C14" s="134" t="s">
        <v>39</v>
      </c>
      <c r="D14" s="134"/>
      <c r="E14" s="134"/>
    </row>
    <row r="16" spans="2:11" s="40" customFormat="1" x14ac:dyDescent="0.25">
      <c r="B16" s="40" t="s">
        <v>8</v>
      </c>
      <c r="C16" s="41" t="str">
        <f>IF('Príloha č. 1'!C19:C19="","",'Príloha č. 1'!C19:C19)</f>
        <v/>
      </c>
    </row>
    <row r="17" spans="2:6" s="40" customFormat="1" x14ac:dyDescent="0.25">
      <c r="B17" s="40" t="s">
        <v>9</v>
      </c>
      <c r="C17" s="42" t="str">
        <f>IF('Príloha č. 1'!C20:C20="","",'Príloha č. 1'!C20:C20)</f>
        <v/>
      </c>
    </row>
    <row r="18" spans="2:6" x14ac:dyDescent="0.2">
      <c r="E18" s="40"/>
    </row>
    <row r="19" spans="2:6" x14ac:dyDescent="0.2">
      <c r="E19" s="13"/>
    </row>
    <row r="20" spans="2:6" ht="34.5" x14ac:dyDescent="0.2">
      <c r="E20" s="22" t="s">
        <v>51</v>
      </c>
    </row>
    <row r="21" spans="2:6" s="43" customFormat="1" x14ac:dyDescent="0.2">
      <c r="B21" s="137" t="s">
        <v>10</v>
      </c>
      <c r="C21" s="137"/>
    </row>
    <row r="22" spans="2:6" s="43" customFormat="1" ht="12" customHeight="1" x14ac:dyDescent="0.2">
      <c r="B22" s="45"/>
      <c r="C22" s="133" t="s">
        <v>11</v>
      </c>
      <c r="D22" s="133"/>
      <c r="E22" s="44"/>
      <c r="F22" s="46"/>
    </row>
  </sheetData>
  <mergeCells count="18">
    <mergeCell ref="B1:C1"/>
    <mergeCell ref="B2:E2"/>
    <mergeCell ref="B3:D3"/>
    <mergeCell ref="B4:E4"/>
    <mergeCell ref="B6:C6"/>
    <mergeCell ref="D6:E6"/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</mergeCells>
  <conditionalFormatting sqref="B22">
    <cfRule type="containsBlanks" dxfId="4" priority="2">
      <formula>LEN(TRIM(B22))=0</formula>
    </cfRule>
  </conditionalFormatting>
  <conditionalFormatting sqref="C16:C17">
    <cfRule type="containsBlanks" dxfId="3" priority="3">
      <formula>LEN(TRIM(C16))=0</formula>
    </cfRule>
  </conditionalFormatting>
  <conditionalFormatting sqref="D6:E9">
    <cfRule type="containsBlanks" dxfId="2" priority="4">
      <formula>LEN(TRIM(D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N32"/>
  <sheetViews>
    <sheetView showGridLines="0" view="pageLayout" zoomScaleNormal="90" workbookViewId="0">
      <selection activeCell="A26" sqref="A26:XFD26"/>
    </sheetView>
  </sheetViews>
  <sheetFormatPr defaultColWidth="9.140625" defaultRowHeight="12" x14ac:dyDescent="0.2"/>
  <cols>
    <col min="1" max="1" width="1.85546875" style="48" customWidth="1"/>
    <col min="2" max="2" width="5.28515625" style="48" customWidth="1"/>
    <col min="3" max="3" width="26.7109375" style="48" customWidth="1"/>
    <col min="4" max="4" width="23.85546875" style="48" customWidth="1"/>
    <col min="5" max="5" width="20" style="48" customWidth="1"/>
    <col min="6" max="6" width="17" style="48" customWidth="1"/>
    <col min="7" max="7" width="16.5703125" style="48" customWidth="1"/>
    <col min="8" max="16384" width="9.140625" style="48"/>
  </cols>
  <sheetData>
    <row r="1" spans="2:14" ht="20.100000000000001" customHeight="1" x14ac:dyDescent="0.2">
      <c r="B1" s="133" t="s">
        <v>12</v>
      </c>
      <c r="C1" s="133"/>
      <c r="D1" s="47"/>
      <c r="E1" s="47"/>
      <c r="F1" s="47"/>
      <c r="G1" s="47"/>
    </row>
    <row r="2" spans="2:14" ht="30" customHeight="1" x14ac:dyDescent="0.2">
      <c r="B2" s="154" t="str">
        <f>'Príloha č. 1'!B2:F2</f>
        <v>Spotrebný zdravotnícky materiál a špeciálny zdravotnícky materiál pre intervenčnú angiológiu</v>
      </c>
      <c r="C2" s="154"/>
      <c r="D2" s="154"/>
      <c r="E2" s="154"/>
      <c r="F2" s="154"/>
      <c r="G2" s="154"/>
      <c r="H2" s="101"/>
      <c r="I2" s="101"/>
      <c r="J2" s="101"/>
      <c r="K2" s="101"/>
      <c r="L2" s="101"/>
      <c r="M2" s="101"/>
    </row>
    <row r="3" spans="2:14" ht="24.95" customHeight="1" x14ac:dyDescent="0.2">
      <c r="B3" s="149"/>
      <c r="C3" s="149"/>
      <c r="D3" s="149"/>
      <c r="E3" s="149"/>
      <c r="F3" s="149"/>
      <c r="G3" s="149"/>
    </row>
    <row r="4" spans="2:14" ht="18.75" x14ac:dyDescent="0.3">
      <c r="B4" s="150" t="s">
        <v>40</v>
      </c>
      <c r="C4" s="150"/>
      <c r="D4" s="150"/>
      <c r="E4" s="150"/>
      <c r="F4" s="150"/>
      <c r="G4" s="150"/>
      <c r="H4" s="49"/>
      <c r="I4" s="49"/>
      <c r="J4" s="49"/>
      <c r="K4" s="49"/>
      <c r="L4" s="49"/>
      <c r="M4" s="49"/>
      <c r="N4" s="49"/>
    </row>
    <row r="5" spans="2:14" x14ac:dyDescent="0.2">
      <c r="B5" s="50"/>
      <c r="C5" s="50"/>
      <c r="D5" s="50"/>
      <c r="E5" s="50"/>
      <c r="F5" s="50"/>
      <c r="G5" s="50"/>
    </row>
    <row r="6" spans="2:14" x14ac:dyDescent="0.2">
      <c r="B6" s="50"/>
      <c r="C6" s="50"/>
      <c r="D6" s="50"/>
      <c r="E6" s="50"/>
      <c r="F6" s="50"/>
      <c r="G6" s="50"/>
    </row>
    <row r="7" spans="2:14" x14ac:dyDescent="0.2">
      <c r="B7" s="50"/>
      <c r="C7" s="50"/>
      <c r="D7" s="50"/>
      <c r="E7" s="50"/>
      <c r="F7" s="50"/>
      <c r="G7" s="50"/>
    </row>
    <row r="8" spans="2:14" ht="17.25" customHeight="1" x14ac:dyDescent="0.2">
      <c r="B8" s="151" t="s">
        <v>41</v>
      </c>
      <c r="C8" s="151"/>
      <c r="D8" s="151"/>
      <c r="E8" s="151"/>
      <c r="F8" s="151"/>
      <c r="G8" s="151"/>
    </row>
    <row r="9" spans="2:14" ht="17.25" customHeight="1" x14ac:dyDescent="0.2">
      <c r="B9" s="51"/>
      <c r="C9" s="148" t="s">
        <v>42</v>
      </c>
      <c r="D9" s="148"/>
      <c r="E9" s="148"/>
      <c r="F9" s="51"/>
      <c r="G9" s="51"/>
    </row>
    <row r="10" spans="2:14" ht="9.9499999999999993" customHeight="1" thickBot="1" x14ac:dyDescent="0.25">
      <c r="B10" s="51"/>
      <c r="C10" s="51"/>
      <c r="D10" s="51"/>
      <c r="E10" s="51"/>
      <c r="F10" s="51"/>
      <c r="G10" s="51"/>
    </row>
    <row r="11" spans="2:14" ht="90.75" customHeight="1" x14ac:dyDescent="0.2">
      <c r="B11" s="52" t="s">
        <v>30</v>
      </c>
      <c r="C11" s="53" t="s">
        <v>43</v>
      </c>
      <c r="D11" s="53" t="s">
        <v>44</v>
      </c>
      <c r="E11" s="53" t="s">
        <v>31</v>
      </c>
      <c r="F11" s="54" t="s">
        <v>45</v>
      </c>
      <c r="G11" s="55" t="s">
        <v>46</v>
      </c>
    </row>
    <row r="12" spans="2:14" ht="15" customHeight="1" x14ac:dyDescent="0.2">
      <c r="B12" s="56" t="s">
        <v>24</v>
      </c>
      <c r="C12" s="57" t="s">
        <v>25</v>
      </c>
      <c r="D12" s="57" t="s">
        <v>26</v>
      </c>
      <c r="E12" s="57" t="s">
        <v>27</v>
      </c>
      <c r="F12" s="57" t="s">
        <v>28</v>
      </c>
      <c r="G12" s="58" t="s">
        <v>29</v>
      </c>
    </row>
    <row r="13" spans="2:14" ht="24.95" customHeight="1" x14ac:dyDescent="0.2">
      <c r="B13" s="59"/>
      <c r="C13" s="60"/>
      <c r="D13" s="61"/>
      <c r="E13" s="62"/>
      <c r="F13" s="63"/>
      <c r="G13" s="64"/>
    </row>
    <row r="14" spans="2:14" ht="24.95" customHeight="1" x14ac:dyDescent="0.2">
      <c r="B14" s="59"/>
      <c r="C14" s="60"/>
      <c r="D14" s="61"/>
      <c r="E14" s="62"/>
      <c r="F14" s="63"/>
      <c r="G14" s="64"/>
    </row>
    <row r="15" spans="2:14" s="65" customFormat="1" ht="24.95" customHeight="1" x14ac:dyDescent="0.25">
      <c r="B15" s="59"/>
      <c r="C15" s="60"/>
      <c r="D15" s="61"/>
      <c r="E15" s="62"/>
      <c r="F15" s="63"/>
      <c r="G15" s="64"/>
    </row>
    <row r="16" spans="2:14" s="65" customFormat="1" ht="24.95" customHeight="1" thickBot="1" x14ac:dyDescent="0.3">
      <c r="B16" s="66"/>
      <c r="C16" s="67"/>
      <c r="D16" s="68"/>
      <c r="E16" s="69"/>
      <c r="F16" s="70"/>
      <c r="G16" s="71"/>
    </row>
    <row r="17" spans="2:14" s="65" customFormat="1" ht="15" customHeight="1" x14ac:dyDescent="0.25">
      <c r="B17" s="152"/>
      <c r="C17" s="152"/>
      <c r="D17" s="152"/>
      <c r="E17" s="152"/>
      <c r="F17" s="152"/>
      <c r="G17" s="152"/>
    </row>
    <row r="18" spans="2:14" s="73" customFormat="1" ht="49.5" customHeight="1" x14ac:dyDescent="0.25">
      <c r="B18" s="153" t="s">
        <v>47</v>
      </c>
      <c r="C18" s="153"/>
      <c r="D18" s="153"/>
      <c r="E18" s="153"/>
      <c r="F18" s="153"/>
      <c r="G18" s="153"/>
      <c r="H18" s="72"/>
      <c r="I18" s="72"/>
      <c r="J18" s="72"/>
      <c r="K18" s="72"/>
      <c r="L18" s="72"/>
      <c r="M18" s="72"/>
      <c r="N18" s="72"/>
    </row>
    <row r="19" spans="2:14" s="73" customFormat="1" ht="9.9499999999999993" customHeight="1" x14ac:dyDescent="0.25">
      <c r="B19" s="74"/>
      <c r="C19" s="153"/>
      <c r="D19" s="153"/>
      <c r="E19" s="153"/>
      <c r="F19" s="153"/>
      <c r="G19" s="153"/>
      <c r="H19" s="75"/>
      <c r="I19" s="75"/>
      <c r="J19" s="75"/>
      <c r="K19" s="75"/>
      <c r="L19" s="75"/>
      <c r="M19" s="75"/>
      <c r="N19" s="75"/>
    </row>
    <row r="20" spans="2:14" s="73" customFormat="1" ht="20.100000000000001" customHeight="1" x14ac:dyDescent="0.25">
      <c r="B20" s="151" t="s">
        <v>48</v>
      </c>
      <c r="C20" s="151"/>
      <c r="D20" s="151"/>
      <c r="E20" s="151"/>
      <c r="F20" s="151"/>
      <c r="G20" s="151"/>
      <c r="H20" s="75"/>
      <c r="I20" s="75"/>
      <c r="J20" s="75"/>
      <c r="K20" s="75"/>
      <c r="L20" s="75"/>
      <c r="M20" s="75"/>
      <c r="N20" s="75"/>
    </row>
    <row r="21" spans="2:14" s="73" customFormat="1" ht="20.100000000000001" customHeight="1" x14ac:dyDescent="0.25">
      <c r="B21" s="51"/>
      <c r="C21" s="148" t="s">
        <v>49</v>
      </c>
      <c r="D21" s="148"/>
      <c r="E21" s="148"/>
      <c r="F21" s="148"/>
      <c r="G21" s="148"/>
      <c r="H21" s="75"/>
      <c r="I21" s="75"/>
      <c r="J21" s="75"/>
      <c r="K21" s="75"/>
      <c r="L21" s="75"/>
      <c r="M21" s="75"/>
      <c r="N21" s="75"/>
    </row>
    <row r="22" spans="2:14" s="73" customFormat="1" ht="20.100000000000001" customHeight="1" x14ac:dyDescent="0.25">
      <c r="B22" s="74"/>
      <c r="C22" s="76"/>
      <c r="D22" s="76"/>
      <c r="E22" s="76"/>
      <c r="F22" s="76"/>
      <c r="G22" s="76"/>
      <c r="H22" s="75"/>
      <c r="I22" s="75"/>
      <c r="J22" s="75"/>
      <c r="K22" s="75"/>
      <c r="L22" s="75"/>
      <c r="M22" s="75"/>
      <c r="N22" s="75"/>
    </row>
    <row r="23" spans="2:14" ht="15" customHeight="1" x14ac:dyDescent="0.2">
      <c r="B23" s="74"/>
      <c r="C23" s="76"/>
      <c r="D23" s="76"/>
      <c r="E23" s="76"/>
      <c r="F23" s="76"/>
      <c r="G23" s="76"/>
    </row>
    <row r="24" spans="2:14" s="77" customFormat="1" ht="15" customHeight="1" x14ac:dyDescent="0.25">
      <c r="B24" s="74"/>
      <c r="C24" s="76"/>
      <c r="D24" s="76"/>
      <c r="E24" s="76"/>
      <c r="F24" s="76"/>
      <c r="G24" s="76"/>
    </row>
    <row r="25" spans="2:14" s="77" customFormat="1" ht="15" customHeight="1" x14ac:dyDescent="0.25">
      <c r="B25" s="78"/>
      <c r="C25" s="78"/>
      <c r="D25" s="78"/>
      <c r="E25" s="78"/>
      <c r="F25" s="78"/>
      <c r="G25" s="78"/>
    </row>
    <row r="26" spans="2:14" s="77" customFormat="1" ht="15" x14ac:dyDescent="0.25">
      <c r="B26" s="77" t="s">
        <v>8</v>
      </c>
      <c r="C26" s="145" t="str">
        <f>IF('Príloha č. 1'!C19:C19="","",'Príloha č. 1'!C19:C19)</f>
        <v/>
      </c>
      <c r="D26" s="145"/>
    </row>
    <row r="27" spans="2:14" s="77" customFormat="1" ht="15" customHeight="1" x14ac:dyDescent="0.25">
      <c r="B27" s="77" t="s">
        <v>9</v>
      </c>
      <c r="C27" s="144" t="str">
        <f>IF('Príloha č. 1'!C20:C20="","",'Príloha č. 1'!C20:C20)</f>
        <v/>
      </c>
      <c r="D27" s="145"/>
    </row>
    <row r="28" spans="2:14" ht="15" customHeight="1" x14ac:dyDescent="0.25">
      <c r="B28" s="77"/>
      <c r="C28" s="77"/>
      <c r="D28" s="77"/>
      <c r="E28" s="77"/>
      <c r="F28" s="77"/>
      <c r="G28" s="77"/>
    </row>
    <row r="29" spans="2:14" s="79" customFormat="1" ht="15" x14ac:dyDescent="0.25">
      <c r="B29" s="77"/>
      <c r="C29" s="77"/>
      <c r="D29" s="77"/>
      <c r="E29" s="77"/>
      <c r="F29" s="142"/>
      <c r="G29" s="142"/>
    </row>
    <row r="30" spans="2:14" s="79" customFormat="1" ht="44.25" customHeight="1" x14ac:dyDescent="0.25">
      <c r="B30" s="48"/>
      <c r="C30" s="48"/>
      <c r="D30" s="80"/>
      <c r="E30" s="77"/>
      <c r="F30" s="143" t="s">
        <v>52</v>
      </c>
      <c r="G30" s="143"/>
      <c r="H30" s="81"/>
    </row>
    <row r="31" spans="2:14" x14ac:dyDescent="0.2">
      <c r="B31" s="146" t="s">
        <v>10</v>
      </c>
      <c r="C31" s="146"/>
      <c r="D31" s="79"/>
      <c r="E31" s="79"/>
      <c r="F31" s="79"/>
      <c r="G31" s="79"/>
    </row>
    <row r="32" spans="2:14" x14ac:dyDescent="0.2">
      <c r="B32" s="82"/>
      <c r="C32" s="147" t="s">
        <v>11</v>
      </c>
      <c r="D32" s="147"/>
      <c r="E32" s="147"/>
      <c r="F32" s="147"/>
      <c r="G32" s="147"/>
    </row>
  </sheetData>
  <mergeCells count="17">
    <mergeCell ref="C26:D26"/>
    <mergeCell ref="C9:E9"/>
    <mergeCell ref="B1:C1"/>
    <mergeCell ref="B3:G3"/>
    <mergeCell ref="B4:G4"/>
    <mergeCell ref="B8:G8"/>
    <mergeCell ref="B17:G17"/>
    <mergeCell ref="B18:G18"/>
    <mergeCell ref="C19:G19"/>
    <mergeCell ref="B20:G20"/>
    <mergeCell ref="C21:G21"/>
    <mergeCell ref="B2:G2"/>
    <mergeCell ref="F29:G29"/>
    <mergeCell ref="F30:G30"/>
    <mergeCell ref="C27:D27"/>
    <mergeCell ref="B31:C31"/>
    <mergeCell ref="C32:G32"/>
  </mergeCells>
  <conditionalFormatting sqref="C26:D27">
    <cfRule type="containsBlanks" dxfId="1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N36"/>
  <sheetViews>
    <sheetView showGridLines="0" tabSelected="1" zoomScaleNormal="100" workbookViewId="0">
      <selection activeCell="E1" sqref="E1"/>
    </sheetView>
  </sheetViews>
  <sheetFormatPr defaultRowHeight="15" x14ac:dyDescent="0.25"/>
  <cols>
    <col min="1" max="1" width="1.85546875" customWidth="1"/>
    <col min="2" max="2" width="6.42578125" customWidth="1"/>
    <col min="3" max="3" width="7.5703125" customWidth="1"/>
    <col min="4" max="4" width="10.28515625" customWidth="1"/>
    <col min="5" max="5" width="52.5703125" customWidth="1"/>
    <col min="6" max="6" width="10.7109375" customWidth="1"/>
    <col min="7" max="7" width="23.140625" customWidth="1"/>
  </cols>
  <sheetData>
    <row r="1" spans="2:14" s="86" customFormat="1" ht="20.100000000000001" customHeight="1" x14ac:dyDescent="0.25">
      <c r="B1" s="96" t="s">
        <v>12</v>
      </c>
      <c r="C1" s="78"/>
      <c r="D1" s="78"/>
    </row>
    <row r="2" spans="2:14" s="73" customFormat="1" ht="30" customHeight="1" x14ac:dyDescent="0.25">
      <c r="B2" s="155" t="str">
        <f>'Príloha č. 1'!B2:E2</f>
        <v>Spotrebný zdravotnícky materiál a špeciálny zdravotnícky materiál pre intervenčnú angiológiu</v>
      </c>
      <c r="C2" s="155"/>
      <c r="D2" s="155"/>
      <c r="E2" s="155"/>
      <c r="F2" s="155"/>
      <c r="G2" s="155"/>
      <c r="H2" s="101"/>
      <c r="I2" s="101"/>
      <c r="J2" s="101"/>
      <c r="K2" s="101"/>
      <c r="L2" s="101"/>
      <c r="M2" s="101"/>
      <c r="N2" s="101"/>
    </row>
    <row r="3" spans="2:14" s="87" customFormat="1" ht="14.25" x14ac:dyDescent="0.2">
      <c r="B3" s="156"/>
      <c r="C3" s="156"/>
      <c r="D3" s="156"/>
      <c r="E3" s="86"/>
    </row>
    <row r="4" spans="2:14" s="88" customFormat="1" ht="30" customHeight="1" x14ac:dyDescent="0.25">
      <c r="B4" s="157" t="s">
        <v>54</v>
      </c>
      <c r="C4" s="157"/>
      <c r="D4" s="157"/>
      <c r="E4" s="157"/>
      <c r="F4" s="157"/>
      <c r="G4" s="157"/>
    </row>
    <row r="5" spans="2:14" s="88" customFormat="1" x14ac:dyDescent="0.25">
      <c r="B5" s="99"/>
      <c r="C5" s="99"/>
      <c r="D5" s="99"/>
      <c r="E5" s="99"/>
      <c r="F5" s="99"/>
      <c r="G5" s="99"/>
    </row>
    <row r="6" spans="2:14" s="88" customFormat="1" x14ac:dyDescent="0.25">
      <c r="B6" s="99"/>
      <c r="C6" s="99"/>
      <c r="D6" s="99"/>
      <c r="E6" s="99"/>
      <c r="F6" s="99"/>
      <c r="G6" s="99"/>
    </row>
    <row r="7" spans="2:14" s="88" customFormat="1" x14ac:dyDescent="0.25">
      <c r="B7" s="89"/>
      <c r="C7" s="89"/>
      <c r="D7" s="89"/>
      <c r="E7" s="89"/>
      <c r="F7" s="89"/>
      <c r="G7" s="89"/>
    </row>
    <row r="8" spans="2:14" s="88" customFormat="1" ht="24.95" customHeight="1" x14ac:dyDescent="0.25">
      <c r="B8" s="158" t="s">
        <v>55</v>
      </c>
      <c r="C8" s="158"/>
      <c r="D8" s="158"/>
      <c r="E8" s="158"/>
      <c r="F8" s="158"/>
      <c r="G8" s="158"/>
    </row>
    <row r="9" spans="2:14" s="48" customFormat="1" ht="14.25" x14ac:dyDescent="0.2">
      <c r="B9" s="85" t="s">
        <v>56</v>
      </c>
      <c r="C9" s="159" t="s">
        <v>57</v>
      </c>
      <c r="D9" s="159"/>
      <c r="E9" s="159"/>
      <c r="F9" s="159"/>
      <c r="G9" s="159"/>
    </row>
    <row r="10" spans="2:14" s="88" customFormat="1" x14ac:dyDescent="0.25">
      <c r="B10" s="89"/>
      <c r="C10" s="89"/>
      <c r="D10" s="89"/>
      <c r="E10" s="89"/>
      <c r="F10" s="89"/>
      <c r="G10" s="89"/>
    </row>
    <row r="11" spans="2:14" s="48" customFormat="1" ht="14.25" x14ac:dyDescent="0.2">
      <c r="B11" s="85" t="s">
        <v>58</v>
      </c>
      <c r="C11" s="159" t="s">
        <v>59</v>
      </c>
      <c r="D11" s="159"/>
      <c r="E11" s="159"/>
      <c r="F11" s="159"/>
      <c r="G11" s="159"/>
    </row>
    <row r="12" spans="2:14" s="48" customFormat="1" ht="14.25" x14ac:dyDescent="0.2">
      <c r="B12" s="97"/>
      <c r="C12" s="100"/>
      <c r="D12" s="100"/>
      <c r="E12" s="100"/>
      <c r="F12" s="100"/>
      <c r="G12" s="100"/>
    </row>
    <row r="13" spans="2:14" ht="15.75" thickBot="1" x14ac:dyDescent="0.3"/>
    <row r="14" spans="2:14" s="90" customFormat="1" ht="20.100000000000001" customHeight="1" x14ac:dyDescent="0.25">
      <c r="C14" s="91" t="s">
        <v>30</v>
      </c>
      <c r="D14" s="161" t="s">
        <v>60</v>
      </c>
      <c r="E14" s="162"/>
      <c r="F14" s="162"/>
      <c r="G14" s="163"/>
    </row>
    <row r="15" spans="2:14" ht="20.100000000000001" customHeight="1" x14ac:dyDescent="0.25">
      <c r="C15" s="92" t="s">
        <v>24</v>
      </c>
      <c r="D15" s="164" t="s">
        <v>25</v>
      </c>
      <c r="E15" s="165"/>
      <c r="F15" s="165"/>
      <c r="G15" s="166"/>
    </row>
    <row r="16" spans="2:14" ht="20.100000000000001" customHeight="1" x14ac:dyDescent="0.25">
      <c r="C16" s="93"/>
      <c r="D16" s="167"/>
      <c r="E16" s="168"/>
      <c r="F16" s="168"/>
      <c r="G16" s="169"/>
    </row>
    <row r="17" spans="2:9" ht="20.100000000000001" customHeight="1" x14ac:dyDescent="0.25">
      <c r="C17" s="94"/>
      <c r="D17" s="170"/>
      <c r="E17" s="171"/>
      <c r="F17" s="171"/>
      <c r="G17" s="172"/>
    </row>
    <row r="18" spans="2:9" ht="20.100000000000001" customHeight="1" thickBot="1" x14ac:dyDescent="0.3">
      <c r="C18" s="95"/>
      <c r="D18" s="173"/>
      <c r="E18" s="174"/>
      <c r="F18" s="174"/>
      <c r="G18" s="175"/>
    </row>
    <row r="19" spans="2:9" ht="20.100000000000001" customHeight="1" x14ac:dyDescent="0.25">
      <c r="C19" s="102"/>
      <c r="D19" s="103"/>
      <c r="E19" s="103"/>
      <c r="F19" s="103"/>
      <c r="G19" s="103"/>
    </row>
    <row r="21" spans="2:9" s="90" customFormat="1" ht="21.75" customHeight="1" x14ac:dyDescent="0.25">
      <c r="D21" s="160" t="s">
        <v>61</v>
      </c>
      <c r="E21" s="160"/>
      <c r="F21" s="160"/>
      <c r="G21" s="160"/>
    </row>
    <row r="22" spans="2:9" s="90" customFormat="1" ht="20.25" customHeight="1" x14ac:dyDescent="0.25">
      <c r="D22" s="160" t="s">
        <v>62</v>
      </c>
      <c r="E22" s="160"/>
      <c r="F22" s="160"/>
      <c r="G22" s="160"/>
    </row>
    <row r="23" spans="2:9" s="90" customFormat="1" ht="20.25" customHeight="1" x14ac:dyDescent="0.25">
      <c r="D23" s="98"/>
      <c r="E23" s="98"/>
      <c r="F23" s="98"/>
      <c r="G23" s="98"/>
    </row>
    <row r="24" spans="2:9" s="90" customFormat="1" ht="20.25" customHeight="1" x14ac:dyDescent="0.25">
      <c r="D24" s="98"/>
      <c r="E24" s="98"/>
      <c r="F24" s="98"/>
      <c r="G24" s="98"/>
    </row>
    <row r="25" spans="2:9" s="73" customFormat="1" x14ac:dyDescent="0.25">
      <c r="B25" s="85"/>
      <c r="C25" s="84"/>
      <c r="D25" s="84"/>
      <c r="E25" s="84"/>
      <c r="F25" s="84"/>
      <c r="G25" s="84"/>
    </row>
    <row r="26" spans="2:9" s="77" customFormat="1" x14ac:dyDescent="0.25">
      <c r="C26" s="77" t="s">
        <v>8</v>
      </c>
      <c r="D26" s="145" t="str">
        <f>IF('Príloha č. 1'!C13:C13="","",'Príloha č. 1'!C13:C13)</f>
        <v/>
      </c>
      <c r="E26" s="145"/>
    </row>
    <row r="27" spans="2:9" s="77" customFormat="1" ht="15" customHeight="1" x14ac:dyDescent="0.25">
      <c r="C27" s="77" t="s">
        <v>9</v>
      </c>
      <c r="D27" s="144" t="str">
        <f>IF('Príloha č. 1'!C14:C14="","",'Príloha č. 1'!C14:C14)</f>
        <v/>
      </c>
      <c r="E27" s="144"/>
    </row>
    <row r="28" spans="2:9" s="48" customFormat="1" ht="15" customHeight="1" x14ac:dyDescent="0.25">
      <c r="C28" s="77"/>
      <c r="D28" s="77"/>
      <c r="E28" s="77"/>
      <c r="F28" s="77"/>
      <c r="G28" s="77"/>
      <c r="H28" s="77"/>
    </row>
    <row r="29" spans="2:9" s="48" customFormat="1" ht="15" customHeight="1" x14ac:dyDescent="0.25">
      <c r="C29" s="77"/>
      <c r="D29" s="77"/>
      <c r="E29" s="77"/>
      <c r="F29" s="77"/>
      <c r="G29" s="77"/>
      <c r="H29" s="77"/>
    </row>
    <row r="30" spans="2:9" s="48" customFormat="1" ht="15" customHeight="1" x14ac:dyDescent="0.25">
      <c r="C30" s="77"/>
      <c r="D30" s="77"/>
      <c r="E30" s="77"/>
      <c r="F30" s="77"/>
      <c r="G30" s="77"/>
      <c r="H30" s="77"/>
    </row>
    <row r="31" spans="2:9" s="79" customFormat="1" x14ac:dyDescent="0.25">
      <c r="C31" s="77"/>
      <c r="D31" s="77"/>
      <c r="E31" s="77"/>
      <c r="F31" s="77"/>
      <c r="G31" s="142"/>
      <c r="H31" s="142"/>
    </row>
    <row r="32" spans="2:9" s="79" customFormat="1" ht="44.25" customHeight="1" x14ac:dyDescent="0.25">
      <c r="C32" s="48"/>
      <c r="D32" s="48"/>
      <c r="E32" s="80"/>
      <c r="F32" s="77"/>
      <c r="G32" s="143" t="s">
        <v>52</v>
      </c>
      <c r="H32" s="143"/>
      <c r="I32" s="81"/>
    </row>
    <row r="33" spans="3:8" s="48" customFormat="1" ht="12" x14ac:dyDescent="0.2"/>
    <row r="34" spans="3:8" s="48" customFormat="1" ht="12" x14ac:dyDescent="0.2"/>
    <row r="35" spans="3:8" x14ac:dyDescent="0.25">
      <c r="C35" s="146" t="s">
        <v>10</v>
      </c>
      <c r="D35" s="146"/>
      <c r="E35" s="79"/>
      <c r="F35" s="79"/>
      <c r="G35" s="79"/>
      <c r="H35" s="79"/>
    </row>
    <row r="36" spans="3:8" x14ac:dyDescent="0.25">
      <c r="C36" s="82"/>
      <c r="D36" s="147" t="s">
        <v>11</v>
      </c>
      <c r="E36" s="147"/>
      <c r="F36" s="147"/>
      <c r="G36" s="147"/>
      <c r="H36" s="147"/>
    </row>
  </sheetData>
  <mergeCells count="19">
    <mergeCell ref="C11:G11"/>
    <mergeCell ref="D36:H36"/>
    <mergeCell ref="D22:G22"/>
    <mergeCell ref="C35:D35"/>
    <mergeCell ref="D14:G14"/>
    <mergeCell ref="D15:G15"/>
    <mergeCell ref="D16:G16"/>
    <mergeCell ref="D17:G17"/>
    <mergeCell ref="D18:G18"/>
    <mergeCell ref="D21:G21"/>
    <mergeCell ref="D26:E26"/>
    <mergeCell ref="D27:E27"/>
    <mergeCell ref="G31:H31"/>
    <mergeCell ref="G32:H32"/>
    <mergeCell ref="B2:G2"/>
    <mergeCell ref="B3:D3"/>
    <mergeCell ref="B4:G4"/>
    <mergeCell ref="B8:G8"/>
    <mergeCell ref="C9:G9"/>
  </mergeCells>
  <conditionalFormatting sqref="D26:E27">
    <cfRule type="containsBlanks" dxfId="0" priority="1">
      <formula>LEN(TRIM(D26))=0</formula>
    </cfRule>
  </conditionalFormatting>
  <pageMargins left="0.7" right="0.7" top="0.75" bottom="0.75" header="0.3" footer="0.3"/>
  <pageSetup paperSize="9" scale="71" fitToHeight="0" orientation="portrait" r:id="rId1"/>
  <headerFooter>
    <oddHeader>&amp;L&amp;"Arial,Tučné"&amp;10Príloha č. 9 SP&amp;"Arial,Normálne"
Čestné vyhlásenie uchádzača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9697" r:id="rId4" name="Check Box 1">
              <controlPr defaultSize="0" autoFill="0" autoLine="0" autoPict="0">
                <anchor moveWithCells="1">
                  <from>
                    <xdr:col>1</xdr:col>
                    <xdr:colOff>238125</xdr:colOff>
                    <xdr:row>9</xdr:row>
                    <xdr:rowOff>85725</xdr:rowOff>
                  </from>
                  <to>
                    <xdr:col>2</xdr:col>
                    <xdr:colOff>47625</xdr:colOff>
                    <xdr:row>1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9698" r:id="rId5" name="Check Box 2">
              <controlPr defaultSize="0" autoFill="0" autoLine="0" autoPict="0">
                <anchor moveWithCells="1">
                  <from>
                    <xdr:col>2</xdr:col>
                    <xdr:colOff>142875</xdr:colOff>
                    <xdr:row>19</xdr:row>
                    <xdr:rowOff>114300</xdr:rowOff>
                  </from>
                  <to>
                    <xdr:col>2</xdr:col>
                    <xdr:colOff>381000</xdr:colOff>
                    <xdr:row>2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9699" r:id="rId6" name="Check Box 3">
              <controlPr defaultSize="0" autoFill="0" autoLine="0" autoPict="0">
                <anchor moveWithCells="1">
                  <from>
                    <xdr:col>1</xdr:col>
                    <xdr:colOff>238125</xdr:colOff>
                    <xdr:row>7</xdr:row>
                    <xdr:rowOff>180975</xdr:rowOff>
                  </from>
                  <to>
                    <xdr:col>2</xdr:col>
                    <xdr:colOff>47625</xdr:colOff>
                    <xdr:row>9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9700" r:id="rId7" name="Check Box 4">
              <controlPr defaultSize="0" autoFill="0" autoLine="0" autoPict="0">
                <anchor moveWithCells="1">
                  <from>
                    <xdr:col>2</xdr:col>
                    <xdr:colOff>133350</xdr:colOff>
                    <xdr:row>20</xdr:row>
                    <xdr:rowOff>152400</xdr:rowOff>
                  </from>
                  <to>
                    <xdr:col>2</xdr:col>
                    <xdr:colOff>371475</xdr:colOff>
                    <xdr:row>22</xdr:row>
                    <xdr:rowOff>857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 </vt:lpstr>
      <vt:lpstr>Príloha č. 8</vt:lpstr>
      <vt:lpstr>Príloha č.9</vt:lpstr>
      <vt:lpstr>'Príloha č. 1'!Oblasť_tlače</vt:lpstr>
      <vt:lpstr>'Príloha č. 2'!Oblasť_tlače</vt:lpstr>
      <vt:lpstr>'Príloha č. 3'!Oblasť_tlače</vt:lpstr>
      <vt:lpstr>'Príloha č. 4 '!Oblasť_tlače</vt:lpstr>
      <vt:lpstr>'Príloha č. 8'!Oblasť_tlače</vt:lpstr>
      <vt:lpstr>'Príloha č.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5-04-29T12:09:04Z</cp:lastPrinted>
  <dcterms:created xsi:type="dcterms:W3CDTF">2015-02-18T09:10:07Z</dcterms:created>
  <dcterms:modified xsi:type="dcterms:W3CDTF">2025-04-29T12:09:08Z</dcterms:modified>
</cp:coreProperties>
</file>